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7530"/>
  </bookViews>
  <sheets>
    <sheet name="民託校及び受託業者一覧（R4.８）" sheetId="1" r:id="rId1"/>
  </sheets>
  <externalReferences>
    <externalReference r:id="rId2"/>
    <externalReference r:id="rId3"/>
  </externalReferences>
  <definedNames>
    <definedName name="_xlnm._FilterDatabase" localSheetId="0" hidden="1">'民託校及び受託業者一覧（R4.８）'!$A$4:$F$193</definedName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'民託校及び受託業者一覧（R4.８）'!$A$1:$F$193</definedName>
    <definedName name="_xlnm.Print_Titles" localSheetId="0">'民託校及び受託業者一覧（R4.８）'!$1:$4</definedName>
    <definedName name="あ" localSheetId="0">#REF!</definedName>
    <definedName name="あ">#REF!</definedName>
    <definedName name="い" localSheetId="0">#REF!</definedName>
    <definedName name="い">#REF!</definedName>
    <definedName name="う" localSheetId="0">#REF!</definedName>
    <definedName name="う">#REF!</definedName>
    <definedName name="え" localSheetId="0">#REF!</definedName>
    <definedName name="え">#REF!</definedName>
    <definedName name="お" localSheetId="0">#REF!</definedName>
    <definedName name="お">#REF!</definedName>
    <definedName name="学校名">[1]予定価格④!$L$2:$L$59</definedName>
    <definedName name="学校名テーブル" localSheetId="0">#REF!</definedName>
    <definedName name="学校名テーブル">#REF!</definedName>
    <definedName name="学校名漢字" localSheetId="0">#REF!</definedName>
    <definedName name="学校名漢字">#REF!</definedName>
    <definedName name="行政区テーブル" localSheetId="0">#REF!</definedName>
    <definedName name="行政区テーブル">#REF!</definedName>
    <definedName name="分類">'[2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91" i="1" l="1"/>
  <c r="A92" i="1"/>
  <c r="A93" i="1"/>
  <c r="A94" i="1"/>
  <c r="A95" i="1"/>
  <c r="A96" i="1"/>
  <c r="A97" i="1"/>
  <c r="A98" i="1"/>
  <c r="A99" i="1"/>
  <c r="A100" i="1"/>
  <c r="A101" i="1"/>
  <c r="A102" i="1"/>
  <c r="A103" i="1"/>
  <c r="A104" i="1"/>
  <c r="A105" i="1"/>
  <c r="A106" i="1"/>
  <c r="A107" i="1"/>
  <c r="A108" i="1"/>
  <c r="A109" i="1"/>
  <c r="A110" i="1"/>
  <c r="A111" i="1"/>
  <c r="A112" i="1"/>
  <c r="A113" i="1"/>
  <c r="A114" i="1"/>
  <c r="A115" i="1"/>
  <c r="A116" i="1"/>
  <c r="A117" i="1"/>
  <c r="A118" i="1"/>
  <c r="A119" i="1"/>
  <c r="A120" i="1"/>
  <c r="A121" i="1"/>
  <c r="A122" i="1"/>
  <c r="A123" i="1"/>
  <c r="A124" i="1"/>
  <c r="A125" i="1"/>
  <c r="A126" i="1"/>
  <c r="A127" i="1"/>
  <c r="A128" i="1"/>
  <c r="A129" i="1"/>
  <c r="A130" i="1"/>
  <c r="A131" i="1"/>
  <c r="A132" i="1"/>
  <c r="A133" i="1"/>
  <c r="A134" i="1"/>
  <c r="A135" i="1"/>
  <c r="A136" i="1"/>
  <c r="A137" i="1"/>
  <c r="A138" i="1"/>
  <c r="A139" i="1"/>
  <c r="A140" i="1"/>
  <c r="A141" i="1"/>
  <c r="A142" i="1"/>
  <c r="A143" i="1"/>
  <c r="A144" i="1"/>
  <c r="A145" i="1"/>
  <c r="A146" i="1"/>
  <c r="A147" i="1"/>
  <c r="A148" i="1"/>
  <c r="A149" i="1"/>
  <c r="A150" i="1"/>
  <c r="A151" i="1"/>
  <c r="A152" i="1"/>
  <c r="A153" i="1"/>
  <c r="A154" i="1"/>
  <c r="A155" i="1"/>
  <c r="A156" i="1"/>
  <c r="A157" i="1"/>
  <c r="A158" i="1"/>
  <c r="A159" i="1"/>
  <c r="A160" i="1"/>
  <c r="A161" i="1"/>
  <c r="A162" i="1"/>
  <c r="A163" i="1"/>
  <c r="A164" i="1"/>
  <c r="A165" i="1"/>
  <c r="A166" i="1"/>
  <c r="A167" i="1"/>
  <c r="A168" i="1"/>
  <c r="A169" i="1"/>
  <c r="A170" i="1"/>
  <c r="A171" i="1"/>
  <c r="A172" i="1"/>
  <c r="A173" i="1"/>
  <c r="A174" i="1"/>
  <c r="A175" i="1"/>
  <c r="A176" i="1"/>
  <c r="A177" i="1"/>
  <c r="A178" i="1"/>
  <c r="A179" i="1"/>
  <c r="A180" i="1"/>
  <c r="A181" i="1"/>
  <c r="A182" i="1"/>
  <c r="A183" i="1"/>
  <c r="A184" i="1"/>
  <c r="A185" i="1"/>
  <c r="A186" i="1"/>
  <c r="A187" i="1"/>
  <c r="A188" i="1"/>
  <c r="A189" i="1"/>
  <c r="A190" i="1"/>
  <c r="A191" i="1"/>
  <c r="A192" i="1"/>
  <c r="A5" i="1" l="1"/>
  <c r="A6" i="1"/>
  <c r="A7" i="1"/>
  <c r="A8" i="1"/>
  <c r="A9" i="1"/>
  <c r="A10" i="1"/>
  <c r="A11" i="1"/>
  <c r="A12" i="1"/>
  <c r="A13" i="1"/>
  <c r="A14" i="1"/>
  <c r="A15" i="1"/>
  <c r="A16" i="1"/>
  <c r="A17" i="1"/>
  <c r="A18" i="1"/>
  <c r="A19" i="1"/>
  <c r="A20" i="1"/>
  <c r="A21" i="1"/>
  <c r="A22" i="1"/>
  <c r="A23" i="1"/>
  <c r="A24" i="1"/>
  <c r="A25" i="1"/>
  <c r="A26" i="1"/>
  <c r="A27" i="1"/>
  <c r="A28" i="1"/>
  <c r="A29" i="1"/>
  <c r="A30" i="1"/>
  <c r="A31" i="1"/>
  <c r="A32" i="1"/>
  <c r="A33" i="1"/>
  <c r="A34" i="1"/>
  <c r="A35" i="1"/>
  <c r="A36" i="1"/>
  <c r="A37" i="1"/>
  <c r="A38" i="1"/>
  <c r="A39" i="1"/>
  <c r="A40" i="1"/>
  <c r="A41" i="1"/>
  <c r="A42" i="1"/>
  <c r="A43" i="1"/>
  <c r="A44" i="1"/>
  <c r="A45" i="1"/>
  <c r="A46" i="1"/>
  <c r="A47" i="1"/>
  <c r="A48" i="1"/>
  <c r="A49" i="1"/>
  <c r="A50" i="1"/>
  <c r="A51" i="1"/>
  <c r="A52" i="1"/>
  <c r="A53" i="1"/>
  <c r="A54" i="1"/>
  <c r="A55" i="1"/>
  <c r="A56" i="1"/>
  <c r="A57" i="1"/>
  <c r="A58" i="1"/>
  <c r="A59" i="1"/>
  <c r="A60" i="1"/>
  <c r="A61" i="1"/>
  <c r="A62" i="1"/>
  <c r="A63" i="1"/>
  <c r="A64" i="1"/>
  <c r="A65" i="1"/>
  <c r="A66" i="1"/>
  <c r="A67" i="1"/>
  <c r="A68" i="1"/>
  <c r="A69" i="1"/>
  <c r="A70" i="1"/>
  <c r="A71" i="1"/>
  <c r="A72" i="1"/>
  <c r="A73" i="1"/>
  <c r="A74" i="1"/>
  <c r="A75" i="1"/>
  <c r="A76" i="1"/>
  <c r="A77" i="1"/>
  <c r="A78" i="1"/>
  <c r="A79" i="1"/>
  <c r="A80" i="1"/>
  <c r="A81" i="1"/>
  <c r="A82" i="1"/>
  <c r="A83" i="1"/>
  <c r="A84" i="1"/>
  <c r="A85" i="1"/>
  <c r="A86" i="1"/>
  <c r="A87" i="1"/>
  <c r="A88" i="1"/>
  <c r="A89" i="1"/>
  <c r="A90" i="1"/>
</calcChain>
</file>

<file path=xl/sharedStrings.xml><?xml version="1.0" encoding="utf-8"?>
<sst xmlns="http://schemas.openxmlformats.org/spreadsheetml/2006/main" count="865" uniqueCount="389">
  <si>
    <t>通し
番号</t>
    <rPh sb="0" eb="1">
      <t>トオ</t>
    </rPh>
    <rPh sb="3" eb="5">
      <t>バンゴウ</t>
    </rPh>
    <phoneticPr fontId="2"/>
  </si>
  <si>
    <t>区名</t>
  </si>
  <si>
    <t>校種</t>
    <rPh sb="0" eb="2">
      <t>コウシュ</t>
    </rPh>
    <phoneticPr fontId="2"/>
  </si>
  <si>
    <t>学校名</t>
  </si>
  <si>
    <t>業者名R4.8.1現在</t>
    <phoneticPr fontId="2"/>
  </si>
  <si>
    <t>子校</t>
    <rPh sb="0" eb="1">
      <t>コ</t>
    </rPh>
    <rPh sb="1" eb="2">
      <t>コウ</t>
    </rPh>
    <phoneticPr fontId="2"/>
  </si>
  <si>
    <t>北</t>
  </si>
  <si>
    <t>小</t>
    <rPh sb="0" eb="1">
      <t>ショウ</t>
    </rPh>
    <phoneticPr fontId="2"/>
  </si>
  <si>
    <t>中津小学校</t>
  </si>
  <si>
    <t>大淀中学校</t>
    <rPh sb="0" eb="2">
      <t>オオヨド</t>
    </rPh>
    <rPh sb="2" eb="5">
      <t>チュウガッコウ</t>
    </rPh>
    <phoneticPr fontId="2"/>
  </si>
  <si>
    <t>北</t>
    <phoneticPr fontId="2"/>
  </si>
  <si>
    <t>滝川小学校</t>
    <rPh sb="0" eb="2">
      <t>タキガワ</t>
    </rPh>
    <rPh sb="2" eb="5">
      <t>ショウガッコウ</t>
    </rPh>
    <phoneticPr fontId="2"/>
  </si>
  <si>
    <t>豊仁小学校</t>
  </si>
  <si>
    <t>堀川小学校</t>
  </si>
  <si>
    <t>豊崎東小学校</t>
    <rPh sb="4" eb="6">
      <t>ガッコウ</t>
    </rPh>
    <phoneticPr fontId="2"/>
  </si>
  <si>
    <t>新豊崎中学校</t>
    <rPh sb="0" eb="1">
      <t>シン</t>
    </rPh>
    <rPh sb="1" eb="3">
      <t>トヨサキ</t>
    </rPh>
    <rPh sb="3" eb="6">
      <t>チュウガッコウ</t>
    </rPh>
    <phoneticPr fontId="2"/>
  </si>
  <si>
    <t>西天満小学校</t>
    <rPh sb="0" eb="3">
      <t>ニシテンマ</t>
    </rPh>
    <rPh sb="3" eb="6">
      <t>ショウガッコウ</t>
    </rPh>
    <phoneticPr fontId="2"/>
  </si>
  <si>
    <t>天満中学校</t>
    <rPh sb="0" eb="2">
      <t>テンマ</t>
    </rPh>
    <rPh sb="2" eb="5">
      <t>チュウガッコウ</t>
    </rPh>
    <phoneticPr fontId="2"/>
  </si>
  <si>
    <t>豊崎本庄小学校</t>
    <rPh sb="2" eb="4">
      <t>ホンジョウ</t>
    </rPh>
    <rPh sb="4" eb="7">
      <t>ショウガッコウ</t>
    </rPh>
    <phoneticPr fontId="2"/>
  </si>
  <si>
    <t>豊崎中学校</t>
    <rPh sb="0" eb="2">
      <t>トヨサキ</t>
    </rPh>
    <rPh sb="2" eb="5">
      <t>チュウガッコウ</t>
    </rPh>
    <phoneticPr fontId="2"/>
  </si>
  <si>
    <t>大淀小学校</t>
    <rPh sb="0" eb="2">
      <t>オオヨド</t>
    </rPh>
    <rPh sb="2" eb="5">
      <t>ショウガッコウ</t>
    </rPh>
    <phoneticPr fontId="2"/>
  </si>
  <si>
    <t>都島</t>
  </si>
  <si>
    <t>高倉小学校</t>
  </si>
  <si>
    <t>東都島小学校</t>
  </si>
  <si>
    <t>友渕小学校分校</t>
  </si>
  <si>
    <t>友渕小学校本校</t>
  </si>
  <si>
    <t>淀川小学校</t>
  </si>
  <si>
    <t>高倉中学校</t>
    <rPh sb="0" eb="2">
      <t>タカクラ</t>
    </rPh>
    <rPh sb="2" eb="5">
      <t>チュウガッコウ</t>
    </rPh>
    <phoneticPr fontId="2"/>
  </si>
  <si>
    <t>桜宮小学校</t>
    <rPh sb="3" eb="5">
      <t>ガッコウ</t>
    </rPh>
    <phoneticPr fontId="2"/>
  </si>
  <si>
    <t>桜宮中学校</t>
    <rPh sb="0" eb="1">
      <t>サクラ</t>
    </rPh>
    <rPh sb="1" eb="2">
      <t>ミヤ</t>
    </rPh>
    <rPh sb="2" eb="5">
      <t>チュウガッコウ</t>
    </rPh>
    <phoneticPr fontId="2"/>
  </si>
  <si>
    <t>都島</t>
    <phoneticPr fontId="2"/>
  </si>
  <si>
    <t>都島小学校</t>
    <rPh sb="0" eb="2">
      <t>ミヤコジマ</t>
    </rPh>
    <rPh sb="2" eb="5">
      <t>ショウガッコウ</t>
    </rPh>
    <phoneticPr fontId="2"/>
  </si>
  <si>
    <t>都島中学校</t>
    <rPh sb="0" eb="2">
      <t>ミヤコジマ</t>
    </rPh>
    <rPh sb="2" eb="5">
      <t>チュウガッコウ</t>
    </rPh>
    <phoneticPr fontId="2"/>
  </si>
  <si>
    <t>大東小学校</t>
    <rPh sb="0" eb="2">
      <t>ダイトウ</t>
    </rPh>
    <rPh sb="2" eb="5">
      <t>ショウガッコウ</t>
    </rPh>
    <phoneticPr fontId="2"/>
  </si>
  <si>
    <t>淀川中学校</t>
    <rPh sb="0" eb="2">
      <t>ヨドガワ</t>
    </rPh>
    <rPh sb="2" eb="5">
      <t>チュウガッコウ</t>
    </rPh>
    <phoneticPr fontId="2"/>
  </si>
  <si>
    <t>福島</t>
  </si>
  <si>
    <t>海老江西小学校</t>
  </si>
  <si>
    <t>上福島小学校</t>
  </si>
  <si>
    <t>福島小学校</t>
    <phoneticPr fontId="2"/>
  </si>
  <si>
    <t>福島</t>
    <phoneticPr fontId="2"/>
  </si>
  <si>
    <t>玉川小学校</t>
    <rPh sb="0" eb="2">
      <t>タマガワ</t>
    </rPh>
    <rPh sb="2" eb="3">
      <t>ショウ</t>
    </rPh>
    <rPh sb="3" eb="5">
      <t>ガッコウ</t>
    </rPh>
    <phoneticPr fontId="2"/>
  </si>
  <si>
    <t>八阪中学校</t>
    <rPh sb="0" eb="2">
      <t>ヤサカ</t>
    </rPh>
    <rPh sb="2" eb="5">
      <t>チュウガッコウ</t>
    </rPh>
    <phoneticPr fontId="2"/>
  </si>
  <si>
    <t>野田小学校</t>
    <rPh sb="0" eb="2">
      <t>ノダ</t>
    </rPh>
    <rPh sb="2" eb="5">
      <t>ショウガッコウ</t>
    </rPh>
    <phoneticPr fontId="2"/>
  </si>
  <si>
    <t>吉野小学校</t>
    <rPh sb="0" eb="2">
      <t>ヨシノ</t>
    </rPh>
    <rPh sb="2" eb="5">
      <t>ショウガッコウ</t>
    </rPh>
    <phoneticPr fontId="2"/>
  </si>
  <si>
    <t>大開小学校</t>
    <rPh sb="0" eb="2">
      <t>オオヒラキ</t>
    </rPh>
    <rPh sb="2" eb="5">
      <t>ショウガッコウ</t>
    </rPh>
    <phoneticPr fontId="2"/>
  </si>
  <si>
    <t>野田中学校</t>
    <rPh sb="0" eb="2">
      <t>ノダ</t>
    </rPh>
    <rPh sb="2" eb="5">
      <t>チュウガッコウ</t>
    </rPh>
    <phoneticPr fontId="2"/>
  </si>
  <si>
    <t>鷺洲小学校</t>
    <rPh sb="0" eb="5">
      <t>サギスショウガッコウ</t>
    </rPh>
    <phoneticPr fontId="2"/>
  </si>
  <si>
    <t>此花</t>
  </si>
  <si>
    <t>高見小学校</t>
  </si>
  <si>
    <t>此花中学校</t>
    <rPh sb="0" eb="2">
      <t>コノハナ</t>
    </rPh>
    <rPh sb="2" eb="5">
      <t>チュウガッコウ</t>
    </rPh>
    <phoneticPr fontId="2"/>
  </si>
  <si>
    <t>伝法小学校</t>
  </si>
  <si>
    <t>梅香中学校</t>
    <rPh sb="0" eb="2">
      <t>バイカ</t>
    </rPh>
    <rPh sb="2" eb="5">
      <t>チュウガッコウ</t>
    </rPh>
    <phoneticPr fontId="2"/>
  </si>
  <si>
    <t>西九条小学校</t>
  </si>
  <si>
    <t>梅香小学校</t>
    <rPh sb="0" eb="2">
      <t>バイカ</t>
    </rPh>
    <rPh sb="2" eb="5">
      <t>ショウガッコウ</t>
    </rPh>
    <phoneticPr fontId="2"/>
  </si>
  <si>
    <t>春日出中学校</t>
    <rPh sb="0" eb="3">
      <t>カスガデ</t>
    </rPh>
    <rPh sb="3" eb="6">
      <t>チュウガッコウ</t>
    </rPh>
    <phoneticPr fontId="2"/>
  </si>
  <si>
    <t>島屋小学校</t>
    <rPh sb="0" eb="2">
      <t>シマヤ</t>
    </rPh>
    <rPh sb="2" eb="5">
      <t>ショウガッコウ</t>
    </rPh>
    <phoneticPr fontId="2"/>
  </si>
  <si>
    <t>中央</t>
  </si>
  <si>
    <t>南大江小学校</t>
  </si>
  <si>
    <t>中央小学校</t>
  </si>
  <si>
    <t>中大江小学校</t>
    <rPh sb="0" eb="3">
      <t>ナカオオエ</t>
    </rPh>
    <rPh sb="3" eb="6">
      <t>ショウガッコウ</t>
    </rPh>
    <phoneticPr fontId="2"/>
  </si>
  <si>
    <t>西</t>
  </si>
  <si>
    <t>日吉小学校</t>
  </si>
  <si>
    <t>九条北小学校</t>
    <rPh sb="4" eb="6">
      <t>ガッコウ</t>
    </rPh>
    <phoneticPr fontId="2"/>
  </si>
  <si>
    <t>西中学校</t>
    <rPh sb="0" eb="1">
      <t>ニシ</t>
    </rPh>
    <rPh sb="1" eb="4">
      <t>チュウガッコウ</t>
    </rPh>
    <phoneticPr fontId="2"/>
  </si>
  <si>
    <t>堀江小学校</t>
  </si>
  <si>
    <t>本田小学校</t>
  </si>
  <si>
    <t>西</t>
    <rPh sb="0" eb="1">
      <t>ニシ</t>
    </rPh>
    <phoneticPr fontId="2"/>
  </si>
  <si>
    <t>九条東小学校</t>
    <rPh sb="0" eb="2">
      <t>クジョウ</t>
    </rPh>
    <rPh sb="2" eb="3">
      <t>ヒガシ</t>
    </rPh>
    <rPh sb="3" eb="6">
      <t>ショウガッコウ</t>
    </rPh>
    <phoneticPr fontId="10"/>
  </si>
  <si>
    <t>花乃井中学校</t>
    <rPh sb="0" eb="1">
      <t>ハナ</t>
    </rPh>
    <rPh sb="1" eb="2">
      <t>ノ</t>
    </rPh>
    <rPh sb="2" eb="3">
      <t>イ</t>
    </rPh>
    <rPh sb="3" eb="6">
      <t>チュウガッコウ</t>
    </rPh>
    <phoneticPr fontId="10"/>
  </si>
  <si>
    <t>西船場小学校</t>
    <rPh sb="0" eb="3">
      <t>ニシセンバ</t>
    </rPh>
    <rPh sb="3" eb="6">
      <t>ショウガッコウ</t>
    </rPh>
    <phoneticPr fontId="10"/>
  </si>
  <si>
    <t>港</t>
  </si>
  <si>
    <t>弁天小学校</t>
  </si>
  <si>
    <t>築港小学校</t>
    <rPh sb="3" eb="5">
      <t>ガッコウ</t>
    </rPh>
    <phoneticPr fontId="2"/>
  </si>
  <si>
    <t>築港中学校</t>
    <rPh sb="0" eb="2">
      <t>チッコウ</t>
    </rPh>
    <rPh sb="2" eb="5">
      <t>チュウガッコウ</t>
    </rPh>
    <phoneticPr fontId="2"/>
  </si>
  <si>
    <t>磯路小学校</t>
  </si>
  <si>
    <t>波除小学校</t>
  </si>
  <si>
    <t>田中小学校</t>
    <rPh sb="0" eb="2">
      <t>タナカ</t>
    </rPh>
    <rPh sb="2" eb="5">
      <t>ショウガッコウ</t>
    </rPh>
    <phoneticPr fontId="2"/>
  </si>
  <si>
    <t>港南中学校</t>
    <rPh sb="0" eb="2">
      <t>コウナン</t>
    </rPh>
    <rPh sb="2" eb="5">
      <t>チュウガッコウ</t>
    </rPh>
    <phoneticPr fontId="2"/>
  </si>
  <si>
    <t>南市岡小学校</t>
    <rPh sb="0" eb="1">
      <t>ミナミ</t>
    </rPh>
    <rPh sb="1" eb="3">
      <t>イチオカ</t>
    </rPh>
    <rPh sb="3" eb="6">
      <t>ショウガッコウ</t>
    </rPh>
    <phoneticPr fontId="2"/>
  </si>
  <si>
    <t>市岡東中学校</t>
    <rPh sb="0" eb="2">
      <t>イチオカ</t>
    </rPh>
    <rPh sb="2" eb="3">
      <t>ヒガシ</t>
    </rPh>
    <rPh sb="3" eb="6">
      <t>チュウガッコウ</t>
    </rPh>
    <phoneticPr fontId="2"/>
  </si>
  <si>
    <t>大正</t>
  </si>
  <si>
    <t>三軒家東小学校</t>
  </si>
  <si>
    <t>北恩加島小学校</t>
  </si>
  <si>
    <t>大正北中学校</t>
    <rPh sb="0" eb="2">
      <t>タイショウ</t>
    </rPh>
    <rPh sb="2" eb="3">
      <t>キタ</t>
    </rPh>
    <rPh sb="3" eb="6">
      <t>チュウガッコウ</t>
    </rPh>
    <phoneticPr fontId="2"/>
  </si>
  <si>
    <t>大正</t>
    <phoneticPr fontId="2"/>
  </si>
  <si>
    <t>鶴町小学校</t>
    <rPh sb="0" eb="2">
      <t>ツルマチ</t>
    </rPh>
    <rPh sb="2" eb="5">
      <t>ショウガッコウ</t>
    </rPh>
    <phoneticPr fontId="2"/>
  </si>
  <si>
    <t>大正西中学校</t>
    <rPh sb="0" eb="2">
      <t>タイショウ</t>
    </rPh>
    <rPh sb="2" eb="3">
      <t>ニシ</t>
    </rPh>
    <rPh sb="3" eb="6">
      <t>チュウガッコウ</t>
    </rPh>
    <phoneticPr fontId="2"/>
  </si>
  <si>
    <t>中泉尾小学校</t>
    <rPh sb="0" eb="1">
      <t>ナカ</t>
    </rPh>
    <rPh sb="1" eb="3">
      <t>イズオ</t>
    </rPh>
    <rPh sb="3" eb="6">
      <t>ショウガッコウ</t>
    </rPh>
    <phoneticPr fontId="10"/>
  </si>
  <si>
    <t>大正東中学校</t>
    <rPh sb="0" eb="2">
      <t>タイショウ</t>
    </rPh>
    <rPh sb="2" eb="3">
      <t>ヒガシ</t>
    </rPh>
    <rPh sb="3" eb="6">
      <t>チュウガッコウ</t>
    </rPh>
    <phoneticPr fontId="10"/>
  </si>
  <si>
    <t>平尾小学校</t>
    <rPh sb="0" eb="2">
      <t>ヒラオ</t>
    </rPh>
    <rPh sb="2" eb="5">
      <t>ショウガッコウ</t>
    </rPh>
    <phoneticPr fontId="2"/>
  </si>
  <si>
    <t>大正中央中学校</t>
    <phoneticPr fontId="2"/>
  </si>
  <si>
    <t>天王寺</t>
  </si>
  <si>
    <t>真田山小学校</t>
  </si>
  <si>
    <t>五条小学校</t>
  </si>
  <si>
    <t>聖和小学校</t>
  </si>
  <si>
    <t>天王寺小学校</t>
  </si>
  <si>
    <t>天王寺</t>
    <phoneticPr fontId="2"/>
  </si>
  <si>
    <t>桃陽小学校</t>
    <rPh sb="0" eb="1">
      <t>モモ</t>
    </rPh>
    <rPh sb="1" eb="2">
      <t>ヨウ</t>
    </rPh>
    <rPh sb="2" eb="5">
      <t>ショウガッコウ</t>
    </rPh>
    <phoneticPr fontId="2"/>
  </si>
  <si>
    <t>夕陽丘中学校</t>
    <rPh sb="0" eb="2">
      <t>ユウヒ</t>
    </rPh>
    <rPh sb="2" eb="3">
      <t>オカ</t>
    </rPh>
    <rPh sb="3" eb="6">
      <t>チュウガッコウ</t>
    </rPh>
    <phoneticPr fontId="2"/>
  </si>
  <si>
    <t>浪速</t>
  </si>
  <si>
    <t>難波元町小学校</t>
  </si>
  <si>
    <t>浪速</t>
    <phoneticPr fontId="2"/>
  </si>
  <si>
    <t>日本橋小中一貫校</t>
    <rPh sb="0" eb="3">
      <t>ニッポンバシ</t>
    </rPh>
    <rPh sb="3" eb="5">
      <t>ショウチュウ</t>
    </rPh>
    <rPh sb="5" eb="7">
      <t>イッカン</t>
    </rPh>
    <rPh sb="7" eb="8">
      <t>コウ</t>
    </rPh>
    <phoneticPr fontId="2"/>
  </si>
  <si>
    <t>南中学校</t>
    <rPh sb="0" eb="1">
      <t>ミナミ</t>
    </rPh>
    <rPh sb="1" eb="4">
      <t>チュウガッコウ</t>
    </rPh>
    <phoneticPr fontId="2"/>
  </si>
  <si>
    <t>塩草立葉小学校</t>
    <rPh sb="0" eb="4">
      <t>シオクサタテバ</t>
    </rPh>
    <rPh sb="4" eb="7">
      <t>ショウガッコウ</t>
    </rPh>
    <phoneticPr fontId="2"/>
  </si>
  <si>
    <t>西淀川</t>
  </si>
  <si>
    <t>柏里小学校</t>
  </si>
  <si>
    <t>姫島小学校</t>
  </si>
  <si>
    <t>姫里小学校</t>
  </si>
  <si>
    <t>西淀川</t>
    <phoneticPr fontId="2"/>
  </si>
  <si>
    <t>佃西小学校</t>
    <rPh sb="0" eb="1">
      <t>ツクダ</t>
    </rPh>
    <rPh sb="1" eb="2">
      <t>ニシ</t>
    </rPh>
    <rPh sb="2" eb="5">
      <t>ショウガッコウ</t>
    </rPh>
    <phoneticPr fontId="2"/>
  </si>
  <si>
    <t>佃中学校</t>
    <rPh sb="0" eb="1">
      <t>ツクダ</t>
    </rPh>
    <rPh sb="1" eb="4">
      <t>チュウガッコウ</t>
    </rPh>
    <phoneticPr fontId="2"/>
  </si>
  <si>
    <t>福小学校</t>
    <rPh sb="0" eb="1">
      <t>フク</t>
    </rPh>
    <rPh sb="1" eb="4">
      <t>ショウガッコウ</t>
    </rPh>
    <phoneticPr fontId="10"/>
  </si>
  <si>
    <t>西淀中学校</t>
    <rPh sb="0" eb="1">
      <t>ニシ</t>
    </rPh>
    <rPh sb="1" eb="2">
      <t>ヨド</t>
    </rPh>
    <rPh sb="2" eb="5">
      <t>チュウガッコウ</t>
    </rPh>
    <phoneticPr fontId="10"/>
  </si>
  <si>
    <t>御幣島小学校</t>
    <rPh sb="0" eb="3">
      <t>ミテジマ</t>
    </rPh>
    <rPh sb="3" eb="6">
      <t>ショウガッコウ</t>
    </rPh>
    <phoneticPr fontId="10"/>
  </si>
  <si>
    <t>淀中学校</t>
    <rPh sb="0" eb="1">
      <t>ヨド</t>
    </rPh>
    <rPh sb="1" eb="4">
      <t>チュウガッコウ</t>
    </rPh>
    <phoneticPr fontId="10"/>
  </si>
  <si>
    <t>淀川</t>
  </si>
  <si>
    <t>加島小学校</t>
  </si>
  <si>
    <t>宮原中学校</t>
    <rPh sb="0" eb="2">
      <t>ミヤハラ</t>
    </rPh>
    <rPh sb="2" eb="5">
      <t>チュウガッコウ</t>
    </rPh>
    <phoneticPr fontId="2"/>
  </si>
  <si>
    <t>宮原小学校</t>
  </si>
  <si>
    <t>新高小学校</t>
  </si>
  <si>
    <t>新東三国小学校</t>
    <rPh sb="5" eb="7">
      <t>ガッコウ</t>
    </rPh>
    <phoneticPr fontId="2"/>
  </si>
  <si>
    <t>東三国中学校</t>
    <rPh sb="0" eb="1">
      <t>ヒガシ</t>
    </rPh>
    <rPh sb="1" eb="3">
      <t>ミクニ</t>
    </rPh>
    <rPh sb="3" eb="4">
      <t>チュウ</t>
    </rPh>
    <rPh sb="4" eb="6">
      <t>ガッコウ</t>
    </rPh>
    <phoneticPr fontId="2"/>
  </si>
  <si>
    <t>三国小学校</t>
  </si>
  <si>
    <t>三津屋小学校</t>
  </si>
  <si>
    <t>淀川</t>
    <phoneticPr fontId="2"/>
  </si>
  <si>
    <t>神津小学校</t>
    <rPh sb="0" eb="2">
      <t>カミツ</t>
    </rPh>
    <rPh sb="2" eb="5">
      <t>ショウガッコウ</t>
    </rPh>
    <phoneticPr fontId="2"/>
  </si>
  <si>
    <t>田川小学校</t>
    <rPh sb="0" eb="2">
      <t>タガワ</t>
    </rPh>
    <rPh sb="2" eb="5">
      <t>ショウガッコウ</t>
    </rPh>
    <phoneticPr fontId="10"/>
  </si>
  <si>
    <t>塚本小学校</t>
    <rPh sb="0" eb="2">
      <t>ツカモト</t>
    </rPh>
    <rPh sb="2" eb="5">
      <t>ショウガッコウ</t>
    </rPh>
    <phoneticPr fontId="10"/>
  </si>
  <si>
    <t>十三小学校</t>
    <rPh sb="0" eb="2">
      <t>ジュウソウ</t>
    </rPh>
    <rPh sb="2" eb="5">
      <t>ショウガッコウ</t>
    </rPh>
    <phoneticPr fontId="10"/>
  </si>
  <si>
    <t>十三中学校</t>
    <rPh sb="0" eb="2">
      <t>ジュウソウ</t>
    </rPh>
    <rPh sb="2" eb="5">
      <t>チュウガッコウ</t>
    </rPh>
    <phoneticPr fontId="10"/>
  </si>
  <si>
    <t>東淀川</t>
  </si>
  <si>
    <t>小中一貫校むくのき学園</t>
    <rPh sb="0" eb="2">
      <t>ショウチュウ</t>
    </rPh>
    <rPh sb="2" eb="4">
      <t>イッカン</t>
    </rPh>
    <rPh sb="4" eb="5">
      <t>コウ</t>
    </rPh>
    <rPh sb="9" eb="11">
      <t>ガクエン</t>
    </rPh>
    <phoneticPr fontId="2"/>
  </si>
  <si>
    <t>淡路中学校</t>
    <rPh sb="0" eb="2">
      <t>アワジ</t>
    </rPh>
    <rPh sb="2" eb="5">
      <t>チュウガッコウ</t>
    </rPh>
    <phoneticPr fontId="2"/>
  </si>
  <si>
    <t>小松小学校</t>
  </si>
  <si>
    <t>菅原小学校</t>
  </si>
  <si>
    <t>井高野小学校</t>
  </si>
  <si>
    <t>井高野中学校</t>
    <rPh sb="0" eb="3">
      <t>イタカノ</t>
    </rPh>
    <rPh sb="3" eb="6">
      <t>チュウガッコウ</t>
    </rPh>
    <phoneticPr fontId="2"/>
  </si>
  <si>
    <t>大桐小学校</t>
  </si>
  <si>
    <t>東淀川</t>
    <phoneticPr fontId="2"/>
  </si>
  <si>
    <t>豊新小学校</t>
    <rPh sb="0" eb="1">
      <t>ユタカ</t>
    </rPh>
    <rPh sb="1" eb="2">
      <t>シン</t>
    </rPh>
    <rPh sb="2" eb="5">
      <t>ショウガッコウ</t>
    </rPh>
    <phoneticPr fontId="10"/>
  </si>
  <si>
    <t>豊里南小学校</t>
    <rPh sb="0" eb="1">
      <t>ユタカ</t>
    </rPh>
    <rPh sb="1" eb="2">
      <t>サト</t>
    </rPh>
    <rPh sb="2" eb="3">
      <t>ミナミ</t>
    </rPh>
    <rPh sb="3" eb="6">
      <t>ショウガッコウ</t>
    </rPh>
    <phoneticPr fontId="10"/>
  </si>
  <si>
    <t>大隅東小学校</t>
    <rPh sb="0" eb="2">
      <t>オオスミ</t>
    </rPh>
    <rPh sb="2" eb="3">
      <t>ヒガシ</t>
    </rPh>
    <rPh sb="3" eb="6">
      <t>ショウガッコウ</t>
    </rPh>
    <phoneticPr fontId="10"/>
  </si>
  <si>
    <t>大隅西小学校</t>
    <rPh sb="0" eb="2">
      <t>オオスミ</t>
    </rPh>
    <rPh sb="2" eb="3">
      <t>ニシ</t>
    </rPh>
    <rPh sb="3" eb="6">
      <t>ショウガッコウ</t>
    </rPh>
    <phoneticPr fontId="10"/>
  </si>
  <si>
    <t>東井高野小学校</t>
    <rPh sb="0" eb="1">
      <t>ヒガシ</t>
    </rPh>
    <rPh sb="1" eb="3">
      <t>イダカ</t>
    </rPh>
    <rPh sb="3" eb="4">
      <t>ノ</t>
    </rPh>
    <rPh sb="4" eb="5">
      <t>ショウ</t>
    </rPh>
    <phoneticPr fontId="8"/>
  </si>
  <si>
    <t>大道南小学校</t>
    <rPh sb="0" eb="3">
      <t>ダイドウミナミ</t>
    </rPh>
    <rPh sb="2" eb="3">
      <t>ミナミ</t>
    </rPh>
    <rPh sb="3" eb="4">
      <t>ショウ</t>
    </rPh>
    <phoneticPr fontId="8"/>
  </si>
  <si>
    <t>下新庄小学校</t>
    <rPh sb="0" eb="1">
      <t>シモ</t>
    </rPh>
    <rPh sb="1" eb="3">
      <t>シンジョウ</t>
    </rPh>
    <rPh sb="3" eb="4">
      <t>ショウ</t>
    </rPh>
    <phoneticPr fontId="8"/>
  </si>
  <si>
    <t>豊里小学校</t>
    <rPh sb="0" eb="2">
      <t>トヨサト</t>
    </rPh>
    <rPh sb="2" eb="5">
      <t>ショウガッコウ</t>
    </rPh>
    <phoneticPr fontId="2"/>
  </si>
  <si>
    <t>東成</t>
  </si>
  <si>
    <t>片江小学校</t>
  </si>
  <si>
    <t>神路小学校</t>
  </si>
  <si>
    <t>東小橋小学校</t>
  </si>
  <si>
    <t>東成</t>
    <phoneticPr fontId="2"/>
  </si>
  <si>
    <t>中本小学校</t>
    <rPh sb="0" eb="2">
      <t>ナカモト</t>
    </rPh>
    <rPh sb="2" eb="5">
      <t>ショウガッコウ</t>
    </rPh>
    <phoneticPr fontId="2"/>
  </si>
  <si>
    <t>本庄中学校</t>
    <rPh sb="0" eb="2">
      <t>ホンジョウ</t>
    </rPh>
    <rPh sb="2" eb="5">
      <t>チュウガッコウ</t>
    </rPh>
    <phoneticPr fontId="2"/>
  </si>
  <si>
    <t>大成小学校</t>
    <rPh sb="0" eb="2">
      <t>タイセイ</t>
    </rPh>
    <rPh sb="2" eb="5">
      <t>ショウガッコウ</t>
    </rPh>
    <phoneticPr fontId="2"/>
  </si>
  <si>
    <t>玉津中学校</t>
    <rPh sb="0" eb="2">
      <t>タマツ</t>
    </rPh>
    <rPh sb="2" eb="5">
      <t>チュウガッコウ</t>
    </rPh>
    <phoneticPr fontId="2"/>
  </si>
  <si>
    <t>生野</t>
  </si>
  <si>
    <t>北巽小学校</t>
  </si>
  <si>
    <t>巽中学校</t>
    <rPh sb="0" eb="1">
      <t>タツミ</t>
    </rPh>
    <rPh sb="1" eb="4">
      <t>チュウガッコウ</t>
    </rPh>
    <phoneticPr fontId="2"/>
  </si>
  <si>
    <t>巽小学校</t>
  </si>
  <si>
    <t>巽東小学校</t>
  </si>
  <si>
    <t>巽南小学校</t>
  </si>
  <si>
    <t>新巽中学校</t>
    <rPh sb="0" eb="1">
      <t>シン</t>
    </rPh>
    <rPh sb="1" eb="2">
      <t>タツミ</t>
    </rPh>
    <rPh sb="2" eb="5">
      <t>チュウガッコウ</t>
    </rPh>
    <phoneticPr fontId="2"/>
  </si>
  <si>
    <t>東中川小学校</t>
    <rPh sb="0" eb="1">
      <t>ヒガシ</t>
    </rPh>
    <rPh sb="1" eb="3">
      <t>ナカガワ</t>
    </rPh>
    <phoneticPr fontId="2"/>
  </si>
  <si>
    <t>東生野中学校</t>
    <rPh sb="0" eb="1">
      <t>ヒガシ</t>
    </rPh>
    <rPh sb="1" eb="3">
      <t>イクノ</t>
    </rPh>
    <rPh sb="3" eb="6">
      <t>チュウガッコウ</t>
    </rPh>
    <phoneticPr fontId="2"/>
  </si>
  <si>
    <t>大池小学校</t>
    <rPh sb="0" eb="2">
      <t>オオイケ</t>
    </rPh>
    <phoneticPr fontId="2"/>
  </si>
  <si>
    <t>大池中学校</t>
    <rPh sb="0" eb="2">
      <t>オオイケ</t>
    </rPh>
    <rPh sb="2" eb="5">
      <t>チュウガッコウ</t>
    </rPh>
    <phoneticPr fontId="2"/>
  </si>
  <si>
    <t>旭</t>
  </si>
  <si>
    <t>古市小学校</t>
  </si>
  <si>
    <t>今市中学校</t>
    <rPh sb="0" eb="2">
      <t>イマイチ</t>
    </rPh>
    <rPh sb="2" eb="5">
      <t>チュウガッコウ</t>
    </rPh>
    <phoneticPr fontId="2"/>
  </si>
  <si>
    <t>新森小路小学校</t>
  </si>
  <si>
    <t>旭</t>
    <phoneticPr fontId="2"/>
  </si>
  <si>
    <t>高殿小学校</t>
    <rPh sb="0" eb="2">
      <t>タカドノ</t>
    </rPh>
    <rPh sb="2" eb="5">
      <t>ショウガッコウ</t>
    </rPh>
    <phoneticPr fontId="2"/>
  </si>
  <si>
    <t>旭陽中学校</t>
    <rPh sb="0" eb="2">
      <t>キョクヨウ</t>
    </rPh>
    <rPh sb="2" eb="5">
      <t>チュウガッコウ</t>
    </rPh>
    <phoneticPr fontId="2"/>
  </si>
  <si>
    <t>城東</t>
  </si>
  <si>
    <t>榎並小学校</t>
  </si>
  <si>
    <t>諏訪小学校</t>
  </si>
  <si>
    <t>放出小学校</t>
  </si>
  <si>
    <t>放出中学校</t>
    <rPh sb="0" eb="2">
      <t>ハナテン</t>
    </rPh>
    <rPh sb="2" eb="5">
      <t>チュウガッコウ</t>
    </rPh>
    <phoneticPr fontId="2"/>
  </si>
  <si>
    <t>鯰江小学校</t>
  </si>
  <si>
    <t>すみれ小学校</t>
  </si>
  <si>
    <t>鴫野小学校</t>
  </si>
  <si>
    <t>成育小学校</t>
  </si>
  <si>
    <t>関目東小学校</t>
    <rPh sb="0" eb="3">
      <t>セキメヒガシ</t>
    </rPh>
    <rPh sb="3" eb="6">
      <t>ショウガッコウ</t>
    </rPh>
    <phoneticPr fontId="2"/>
  </si>
  <si>
    <t>鶴見</t>
  </si>
  <si>
    <t>茨田小学校</t>
  </si>
  <si>
    <t>榎本小学校</t>
  </si>
  <si>
    <t>鶴見南小学校</t>
  </si>
  <si>
    <t>茨田西小学校</t>
  </si>
  <si>
    <t>鶴見</t>
    <phoneticPr fontId="2"/>
  </si>
  <si>
    <t>横堤小学校</t>
    <rPh sb="0" eb="2">
      <t>ヨコヅツミ</t>
    </rPh>
    <rPh sb="2" eb="5">
      <t>ショウガッコウ</t>
    </rPh>
    <phoneticPr fontId="2"/>
  </si>
  <si>
    <t>横堤中学校</t>
    <rPh sb="0" eb="2">
      <t>ヨコヅツミ</t>
    </rPh>
    <rPh sb="2" eb="5">
      <t>チュウガッコウ</t>
    </rPh>
    <phoneticPr fontId="2"/>
  </si>
  <si>
    <t>茨田東小学校</t>
    <rPh sb="0" eb="2">
      <t>マッタ</t>
    </rPh>
    <rPh sb="2" eb="3">
      <t>ヒガシ</t>
    </rPh>
    <rPh sb="3" eb="4">
      <t>ショウ</t>
    </rPh>
    <phoneticPr fontId="8"/>
  </si>
  <si>
    <t>焼野小学校</t>
    <rPh sb="0" eb="2">
      <t>ヤケノ</t>
    </rPh>
    <rPh sb="2" eb="3">
      <t>ショウ</t>
    </rPh>
    <phoneticPr fontId="8"/>
  </si>
  <si>
    <t>茨田北小学校</t>
    <rPh sb="3" eb="4">
      <t>ショウ</t>
    </rPh>
    <phoneticPr fontId="2"/>
  </si>
  <si>
    <t>みどり小学校</t>
    <rPh sb="3" eb="4">
      <t>ショウ</t>
    </rPh>
    <phoneticPr fontId="2"/>
  </si>
  <si>
    <t>阿倍野</t>
  </si>
  <si>
    <t>晴明丘小学校</t>
  </si>
  <si>
    <t>阿倍野小学校</t>
    <rPh sb="4" eb="6">
      <t>ガッコウ</t>
    </rPh>
    <phoneticPr fontId="2"/>
  </si>
  <si>
    <t>阿倍野中学校</t>
    <rPh sb="0" eb="3">
      <t>アベノ</t>
    </rPh>
    <rPh sb="3" eb="6">
      <t>チュウガッコウ</t>
    </rPh>
    <phoneticPr fontId="2"/>
  </si>
  <si>
    <t>金塚小学校</t>
  </si>
  <si>
    <t>松虫中学校</t>
    <rPh sb="0" eb="2">
      <t>マツムシ</t>
    </rPh>
    <rPh sb="2" eb="5">
      <t>チュウガッコウ</t>
    </rPh>
    <phoneticPr fontId="2"/>
  </si>
  <si>
    <t>長池小学校</t>
  </si>
  <si>
    <t>昭和中学校</t>
    <rPh sb="0" eb="2">
      <t>ショウワ</t>
    </rPh>
    <rPh sb="2" eb="5">
      <t>チュウガッコウ</t>
    </rPh>
    <phoneticPr fontId="2"/>
  </si>
  <si>
    <t>常盤小学校（本校）</t>
    <rPh sb="0" eb="2">
      <t>トキワ</t>
    </rPh>
    <rPh sb="2" eb="3">
      <t>ショウ</t>
    </rPh>
    <rPh sb="3" eb="5">
      <t>ガッコウ</t>
    </rPh>
    <rPh sb="6" eb="8">
      <t>ホンコウ</t>
    </rPh>
    <phoneticPr fontId="2"/>
  </si>
  <si>
    <t>常盤小学校（分校）</t>
    <rPh sb="2" eb="5">
      <t>ショウガッコウ</t>
    </rPh>
    <rPh sb="7" eb="8">
      <t>コウ</t>
    </rPh>
    <phoneticPr fontId="2"/>
  </si>
  <si>
    <t>阪南小学校</t>
    <rPh sb="0" eb="2">
      <t>ハンナン</t>
    </rPh>
    <rPh sb="2" eb="5">
      <t>ショウガッコウ</t>
    </rPh>
    <phoneticPr fontId="2"/>
  </si>
  <si>
    <t>住之江</t>
  </si>
  <si>
    <t>加賀屋東小学校</t>
  </si>
  <si>
    <t>加賀屋中学校</t>
    <rPh sb="0" eb="3">
      <t>カガヤ</t>
    </rPh>
    <rPh sb="3" eb="6">
      <t>チュウガッコウ</t>
    </rPh>
    <phoneticPr fontId="2"/>
  </si>
  <si>
    <t>南港桜小学校</t>
  </si>
  <si>
    <t>粉浜小学校</t>
  </si>
  <si>
    <t>住吉第一中学校</t>
    <rPh sb="0" eb="2">
      <t>スミヨシ</t>
    </rPh>
    <rPh sb="2" eb="4">
      <t>ダイイチ</t>
    </rPh>
    <rPh sb="4" eb="7">
      <t>チュウガッコウ</t>
    </rPh>
    <phoneticPr fontId="2"/>
  </si>
  <si>
    <t>住之江小学校</t>
  </si>
  <si>
    <t>真住中学校</t>
    <rPh sb="0" eb="1">
      <t>マ</t>
    </rPh>
    <rPh sb="1" eb="2">
      <t>スミ</t>
    </rPh>
    <rPh sb="2" eb="5">
      <t>チュウガッコウ</t>
    </rPh>
    <phoneticPr fontId="2"/>
  </si>
  <si>
    <t>住之江</t>
    <phoneticPr fontId="2"/>
  </si>
  <si>
    <t>平林小学校</t>
    <rPh sb="0" eb="2">
      <t>ヒラバヤシ</t>
    </rPh>
    <rPh sb="2" eb="5">
      <t>ショウガッコウ</t>
    </rPh>
    <phoneticPr fontId="2"/>
  </si>
  <si>
    <t>新北島中学校</t>
    <rPh sb="0" eb="1">
      <t>シン</t>
    </rPh>
    <rPh sb="1" eb="3">
      <t>キタジマ</t>
    </rPh>
    <rPh sb="3" eb="6">
      <t>チュウガッコウ</t>
    </rPh>
    <phoneticPr fontId="2"/>
  </si>
  <si>
    <t>咲州みなみ小中一貫校</t>
    <rPh sb="0" eb="2">
      <t>サキシマ</t>
    </rPh>
    <rPh sb="5" eb="7">
      <t>ショウチュウ</t>
    </rPh>
    <rPh sb="7" eb="9">
      <t>イッカン</t>
    </rPh>
    <rPh sb="9" eb="10">
      <t>コウ</t>
    </rPh>
    <phoneticPr fontId="10"/>
  </si>
  <si>
    <t>南港北中学校</t>
    <rPh sb="0" eb="2">
      <t>ナンコウ</t>
    </rPh>
    <rPh sb="2" eb="3">
      <t>キタ</t>
    </rPh>
    <rPh sb="3" eb="4">
      <t>チュウ</t>
    </rPh>
    <rPh sb="4" eb="6">
      <t>ガッコウ</t>
    </rPh>
    <phoneticPr fontId="10"/>
  </si>
  <si>
    <t>清江小学校</t>
    <rPh sb="0" eb="2">
      <t>キヨエ</t>
    </rPh>
    <rPh sb="2" eb="5">
      <t>ショウガッコウ</t>
    </rPh>
    <phoneticPr fontId="2"/>
  </si>
  <si>
    <t>安立小学校</t>
    <rPh sb="0" eb="2">
      <t>アンリュウ</t>
    </rPh>
    <rPh sb="2" eb="5">
      <t>ショウガッコウ</t>
    </rPh>
    <phoneticPr fontId="2"/>
  </si>
  <si>
    <t>住之江中学校</t>
    <rPh sb="0" eb="3">
      <t>スミノエ</t>
    </rPh>
    <rPh sb="3" eb="6">
      <t>チュウガッコウ</t>
    </rPh>
    <phoneticPr fontId="2"/>
  </si>
  <si>
    <t>住吉</t>
  </si>
  <si>
    <t>住吉小学校</t>
    <rPh sb="0" eb="2">
      <t>スミヨシ</t>
    </rPh>
    <rPh sb="2" eb="5">
      <t>ショウガッコウ</t>
    </rPh>
    <phoneticPr fontId="8"/>
  </si>
  <si>
    <t>墨江丘中学校</t>
    <rPh sb="0" eb="3">
      <t>スミエオカ</t>
    </rPh>
    <rPh sb="3" eb="4">
      <t>チュウ</t>
    </rPh>
    <rPh sb="4" eb="6">
      <t>ガッコウ</t>
    </rPh>
    <phoneticPr fontId="2"/>
  </si>
  <si>
    <t>依羅小学校</t>
  </si>
  <si>
    <t>我孫子南中学校</t>
    <rPh sb="0" eb="3">
      <t>アビコ</t>
    </rPh>
    <rPh sb="3" eb="4">
      <t>ミナミ</t>
    </rPh>
    <rPh sb="4" eb="7">
      <t>チュウガッコウ</t>
    </rPh>
    <phoneticPr fontId="2"/>
  </si>
  <si>
    <t>長居小学校</t>
  </si>
  <si>
    <t>南住吉小学校</t>
  </si>
  <si>
    <t>墨江小学校</t>
  </si>
  <si>
    <t>住吉</t>
    <phoneticPr fontId="2"/>
  </si>
  <si>
    <t>大領小学校</t>
    <rPh sb="0" eb="2">
      <t>ダイリョウ</t>
    </rPh>
    <rPh sb="2" eb="5">
      <t>ショウガッコウ</t>
    </rPh>
    <phoneticPr fontId="2"/>
  </si>
  <si>
    <t>大領中学校</t>
    <rPh sb="0" eb="2">
      <t>ダイリョウ</t>
    </rPh>
    <rPh sb="2" eb="5">
      <t>チュウガッコウ</t>
    </rPh>
    <phoneticPr fontId="2"/>
  </si>
  <si>
    <t>大空小学校</t>
    <rPh sb="0" eb="2">
      <t>オオソラ</t>
    </rPh>
    <rPh sb="2" eb="5">
      <t>ショウガッコウ</t>
    </rPh>
    <phoneticPr fontId="2"/>
  </si>
  <si>
    <t>三陵中学校</t>
    <rPh sb="0" eb="1">
      <t>サン</t>
    </rPh>
    <rPh sb="1" eb="2">
      <t>リョウ</t>
    </rPh>
    <rPh sb="2" eb="5">
      <t>チュウガッコウ</t>
    </rPh>
    <phoneticPr fontId="2"/>
  </si>
  <si>
    <t>東住吉</t>
  </si>
  <si>
    <t>田辺小学校</t>
  </si>
  <si>
    <t>南田辺小学校</t>
  </si>
  <si>
    <t>南百済小学校</t>
  </si>
  <si>
    <t>やたなか小中一貫校</t>
    <rPh sb="4" eb="6">
      <t>ショウチュウ</t>
    </rPh>
    <rPh sb="6" eb="8">
      <t>イッカン</t>
    </rPh>
    <rPh sb="8" eb="9">
      <t>コウ</t>
    </rPh>
    <phoneticPr fontId="2"/>
  </si>
  <si>
    <t>田辺中学校</t>
    <rPh sb="0" eb="2">
      <t>タナベ</t>
    </rPh>
    <rPh sb="2" eb="5">
      <t>チュウガッコウ</t>
    </rPh>
    <phoneticPr fontId="2"/>
  </si>
  <si>
    <t>育和小学校</t>
    <phoneticPr fontId="2"/>
  </si>
  <si>
    <t>東田辺小学校</t>
    <rPh sb="0" eb="1">
      <t>ヒガシ</t>
    </rPh>
    <rPh sb="1" eb="3">
      <t>タナベ</t>
    </rPh>
    <rPh sb="3" eb="4">
      <t>ショウ</t>
    </rPh>
    <phoneticPr fontId="8"/>
  </si>
  <si>
    <t>桑津小学校</t>
    <rPh sb="0" eb="2">
      <t>クワヅ</t>
    </rPh>
    <rPh sb="2" eb="3">
      <t>ショウ</t>
    </rPh>
    <phoneticPr fontId="8"/>
  </si>
  <si>
    <t>湯里小学校</t>
    <rPh sb="0" eb="2">
      <t>ユサト</t>
    </rPh>
    <rPh sb="2" eb="5">
      <t>ショウガッコウ</t>
    </rPh>
    <phoneticPr fontId="2"/>
  </si>
  <si>
    <t>鷹合小学校</t>
    <rPh sb="0" eb="2">
      <t>タカアイ</t>
    </rPh>
    <rPh sb="2" eb="5">
      <t>ショウガッコウ</t>
    </rPh>
    <phoneticPr fontId="2"/>
  </si>
  <si>
    <t>矢田西小学校</t>
    <rPh sb="0" eb="3">
      <t>ヤタニシ</t>
    </rPh>
    <rPh sb="3" eb="6">
      <t>ショウガッコウ</t>
    </rPh>
    <phoneticPr fontId="2"/>
  </si>
  <si>
    <t>矢田西中学校</t>
    <rPh sb="0" eb="3">
      <t>ヤタニシ</t>
    </rPh>
    <rPh sb="3" eb="6">
      <t>チュウガッコウ</t>
    </rPh>
    <phoneticPr fontId="2"/>
  </si>
  <si>
    <t>平野</t>
  </si>
  <si>
    <t>瓜破小学校</t>
  </si>
  <si>
    <t>瓜破中学校</t>
    <rPh sb="0" eb="2">
      <t>ウリワリ</t>
    </rPh>
    <rPh sb="2" eb="5">
      <t>チュウガッコウ</t>
    </rPh>
    <phoneticPr fontId="2"/>
  </si>
  <si>
    <t>喜連小学校</t>
  </si>
  <si>
    <t>長吉出戸小学校</t>
  </si>
  <si>
    <t>長吉小学校</t>
  </si>
  <si>
    <t>加美小学校</t>
  </si>
  <si>
    <t>加美北小学校</t>
  </si>
  <si>
    <t>加美南部小学校</t>
  </si>
  <si>
    <t>平野小学校</t>
  </si>
  <si>
    <t>喜連中学校</t>
    <rPh sb="0" eb="2">
      <t>キレ</t>
    </rPh>
    <rPh sb="2" eb="5">
      <t>チュウガッコウ</t>
    </rPh>
    <phoneticPr fontId="2"/>
  </si>
  <si>
    <t>平野</t>
    <phoneticPr fontId="2"/>
  </si>
  <si>
    <t>平野西小学校</t>
    <rPh sb="0" eb="2">
      <t>ヒラノ</t>
    </rPh>
    <rPh sb="2" eb="3">
      <t>ニシ</t>
    </rPh>
    <rPh sb="3" eb="6">
      <t>ショウガッコウ</t>
    </rPh>
    <phoneticPr fontId="2"/>
  </si>
  <si>
    <t>瓜破北小学校</t>
    <rPh sb="0" eb="2">
      <t>ウリワリ</t>
    </rPh>
    <rPh sb="2" eb="3">
      <t>キタ</t>
    </rPh>
    <rPh sb="3" eb="6">
      <t>ショウガッコウ</t>
    </rPh>
    <phoneticPr fontId="10"/>
  </si>
  <si>
    <t>瓜破西中学校</t>
    <rPh sb="0" eb="2">
      <t>ウリワリ</t>
    </rPh>
    <rPh sb="2" eb="3">
      <t>ニシ</t>
    </rPh>
    <rPh sb="3" eb="6">
      <t>チュウガッコウ</t>
    </rPh>
    <phoneticPr fontId="10"/>
  </si>
  <si>
    <t>加美東小学校</t>
    <rPh sb="0" eb="3">
      <t>カミヒガシ</t>
    </rPh>
    <rPh sb="3" eb="4">
      <t>ショウ</t>
    </rPh>
    <rPh sb="4" eb="6">
      <t>ガッコウ</t>
    </rPh>
    <phoneticPr fontId="10"/>
  </si>
  <si>
    <t>加美南中学校</t>
    <rPh sb="0" eb="1">
      <t>カ</t>
    </rPh>
    <rPh sb="1" eb="2">
      <t>ビ</t>
    </rPh>
    <rPh sb="2" eb="3">
      <t>ミナミ</t>
    </rPh>
    <rPh sb="3" eb="6">
      <t>チュウガッコウ</t>
    </rPh>
    <phoneticPr fontId="10"/>
  </si>
  <si>
    <t>長吉南小学校</t>
    <rPh sb="0" eb="2">
      <t>ナガヨシ</t>
    </rPh>
    <rPh sb="2" eb="3">
      <t>ミナミ</t>
    </rPh>
    <rPh sb="3" eb="6">
      <t>ショウガッコウ</t>
    </rPh>
    <phoneticPr fontId="2"/>
  </si>
  <si>
    <t>長吉中学校</t>
    <rPh sb="0" eb="2">
      <t>ナガヨシ</t>
    </rPh>
    <rPh sb="2" eb="5">
      <t>チュウガッコウ</t>
    </rPh>
    <phoneticPr fontId="2"/>
  </si>
  <si>
    <t>西成</t>
  </si>
  <si>
    <t>玉出小学校</t>
  </si>
  <si>
    <t>いまみや小中一貫校</t>
    <rPh sb="5" eb="6">
      <t>チュウ</t>
    </rPh>
    <rPh sb="6" eb="8">
      <t>イッカン</t>
    </rPh>
    <phoneticPr fontId="2"/>
  </si>
  <si>
    <t>岸里小学校</t>
  </si>
  <si>
    <t>西成</t>
    <phoneticPr fontId="2"/>
  </si>
  <si>
    <t>南津守小学校</t>
    <rPh sb="0" eb="3">
      <t>ミナミツモリ</t>
    </rPh>
    <rPh sb="3" eb="6">
      <t>ショウガッコウ</t>
    </rPh>
    <phoneticPr fontId="2"/>
  </si>
  <si>
    <t>玉出中学校</t>
    <rPh sb="0" eb="2">
      <t>タマデ</t>
    </rPh>
    <rPh sb="2" eb="5">
      <t>チュウガッコウ</t>
    </rPh>
    <phoneticPr fontId="2"/>
  </si>
  <si>
    <t>まつば小学校</t>
    <rPh sb="3" eb="6">
      <t>ショウガッコウ</t>
    </rPh>
    <phoneticPr fontId="2"/>
  </si>
  <si>
    <t>梅南中学校</t>
    <rPh sb="0" eb="2">
      <t>バイナン</t>
    </rPh>
    <rPh sb="2" eb="5">
      <t>チュウガッコウ</t>
    </rPh>
    <phoneticPr fontId="2"/>
  </si>
  <si>
    <t>中</t>
    <rPh sb="0" eb="1">
      <t>チュウ</t>
    </rPh>
    <phoneticPr fontId="2"/>
  </si>
  <si>
    <t>美津島中学校</t>
    <rPh sb="0" eb="3">
      <t>ミツシマ</t>
    </rPh>
    <rPh sb="3" eb="6">
      <t>チュウガッコウ</t>
    </rPh>
    <phoneticPr fontId="10"/>
  </si>
  <si>
    <t>三国中学校</t>
    <rPh sb="0" eb="2">
      <t>ミクニ</t>
    </rPh>
    <rPh sb="2" eb="5">
      <t>チュウガッコウ</t>
    </rPh>
    <phoneticPr fontId="10"/>
  </si>
  <si>
    <t>我孫子中学校</t>
    <rPh sb="0" eb="3">
      <t>アビコ</t>
    </rPh>
    <rPh sb="3" eb="6">
      <t>チュウガッコウ</t>
    </rPh>
    <phoneticPr fontId="10"/>
  </si>
  <si>
    <t>東我孫子中学校</t>
    <rPh sb="0" eb="4">
      <t>ヒガシアビコ</t>
    </rPh>
    <rPh sb="4" eb="7">
      <t>チュウガッコウ</t>
    </rPh>
    <phoneticPr fontId="10"/>
  </si>
  <si>
    <t>城東</t>
    <rPh sb="0" eb="2">
      <t>ジョウトウ</t>
    </rPh>
    <phoneticPr fontId="6"/>
  </si>
  <si>
    <t>城陽中学校</t>
    <rPh sb="0" eb="2">
      <t>ジョウヨウ</t>
    </rPh>
    <rPh sb="2" eb="3">
      <t>チュウ</t>
    </rPh>
    <phoneticPr fontId="8"/>
  </si>
  <si>
    <t>蒲生中学校</t>
  </si>
  <si>
    <t>菫中学校</t>
    <rPh sb="0" eb="1">
      <t>スミレ</t>
    </rPh>
    <rPh sb="1" eb="2">
      <t>チュウ</t>
    </rPh>
    <phoneticPr fontId="8"/>
  </si>
  <si>
    <t>鯰江中学校</t>
  </si>
  <si>
    <t>鶴見</t>
    <rPh sb="0" eb="2">
      <t>ツルミ</t>
    </rPh>
    <phoneticPr fontId="6"/>
  </si>
  <si>
    <t>今津中学校</t>
    <rPh sb="0" eb="1">
      <t>イマ</t>
    </rPh>
    <rPh sb="1" eb="2">
      <t>ツ</t>
    </rPh>
    <rPh sb="2" eb="3">
      <t>チュウ</t>
    </rPh>
    <phoneticPr fontId="8"/>
  </si>
  <si>
    <t>茨田中学校</t>
  </si>
  <si>
    <t>平野</t>
    <rPh sb="0" eb="1">
      <t>ヒラ</t>
    </rPh>
    <rPh sb="1" eb="2">
      <t>ノ</t>
    </rPh>
    <phoneticPr fontId="6"/>
  </si>
  <si>
    <t>平野中学校</t>
    <rPh sb="0" eb="2">
      <t>ヒラノ</t>
    </rPh>
    <rPh sb="2" eb="3">
      <t>チュウ</t>
    </rPh>
    <phoneticPr fontId="8"/>
  </si>
  <si>
    <t>白鷺中学校</t>
  </si>
  <si>
    <t>東淀中学校</t>
    <rPh sb="0" eb="1">
      <t>ヒガシ</t>
    </rPh>
    <rPh sb="1" eb="2">
      <t>ヨド</t>
    </rPh>
    <rPh sb="2" eb="3">
      <t>チュウ</t>
    </rPh>
    <rPh sb="3" eb="5">
      <t>ガッコウ</t>
    </rPh>
    <phoneticPr fontId="8"/>
  </si>
  <si>
    <t>友渕中学校</t>
    <rPh sb="0" eb="2">
      <t>トモブチ</t>
    </rPh>
    <rPh sb="2" eb="5">
      <t>チュウガッコウ</t>
    </rPh>
    <phoneticPr fontId="2"/>
  </si>
  <si>
    <t>難波中学校</t>
    <rPh sb="2" eb="5">
      <t>チュウガッコウ</t>
    </rPh>
    <phoneticPr fontId="8"/>
  </si>
  <si>
    <t>木津中学校</t>
    <rPh sb="0" eb="2">
      <t>キヅ</t>
    </rPh>
    <rPh sb="2" eb="5">
      <t>チュウガッコウ</t>
    </rPh>
    <phoneticPr fontId="8"/>
  </si>
  <si>
    <t>緑中学校</t>
    <rPh sb="0" eb="1">
      <t>ミドリ</t>
    </rPh>
    <rPh sb="1" eb="4">
      <t>チュウガッコウ</t>
    </rPh>
    <phoneticPr fontId="8"/>
  </si>
  <si>
    <t>旭東中学校</t>
    <rPh sb="0" eb="2">
      <t>キョクトウ</t>
    </rPh>
    <rPh sb="2" eb="5">
      <t>チュウガッコウ</t>
    </rPh>
    <phoneticPr fontId="2"/>
  </si>
  <si>
    <t>住吉中学校</t>
    <rPh sb="0" eb="2">
      <t>スミヨシ</t>
    </rPh>
    <rPh sb="2" eb="5">
      <t>チュウガッコウ</t>
    </rPh>
    <phoneticPr fontId="8"/>
  </si>
  <si>
    <t>阪南中学校</t>
    <rPh sb="0" eb="2">
      <t>ハンナン</t>
    </rPh>
    <rPh sb="2" eb="5">
      <t>チュウガッコウ</t>
    </rPh>
    <phoneticPr fontId="2"/>
  </si>
  <si>
    <t>平野</t>
    <rPh sb="0" eb="2">
      <t>ヒラノ</t>
    </rPh>
    <phoneticPr fontId="2"/>
  </si>
  <si>
    <t>摂陽中学校</t>
    <rPh sb="0" eb="1">
      <t>セツ</t>
    </rPh>
    <rPh sb="1" eb="2">
      <t>ヨウ</t>
    </rPh>
    <rPh sb="2" eb="5">
      <t>チュウガッコウ</t>
    </rPh>
    <phoneticPr fontId="8"/>
  </si>
  <si>
    <t>長吉西中学校</t>
    <rPh sb="0" eb="2">
      <t>ナガヨシ</t>
    </rPh>
    <rPh sb="2" eb="3">
      <t>ニシ</t>
    </rPh>
    <rPh sb="3" eb="6">
      <t>チュウガッコウ</t>
    </rPh>
    <phoneticPr fontId="2"/>
  </si>
  <si>
    <t>平野北中学校</t>
    <rPh sb="0" eb="3">
      <t>ヒラノキタ</t>
    </rPh>
    <rPh sb="3" eb="6">
      <t>チュウガッコウ</t>
    </rPh>
    <phoneticPr fontId="8"/>
  </si>
  <si>
    <t>加美中学校</t>
    <rPh sb="0" eb="2">
      <t>カミ</t>
    </rPh>
    <rPh sb="2" eb="5">
      <t>チュウガッコウ</t>
    </rPh>
    <phoneticPr fontId="2"/>
  </si>
  <si>
    <t>鶴見橋中学校</t>
    <rPh sb="0" eb="3">
      <t>ツルミバシ</t>
    </rPh>
    <rPh sb="3" eb="6">
      <t>チュウガッコウ</t>
    </rPh>
    <phoneticPr fontId="8"/>
  </si>
  <si>
    <t>成南中学校</t>
    <rPh sb="0" eb="1">
      <t>ナ</t>
    </rPh>
    <rPh sb="1" eb="2">
      <t>ミナミ</t>
    </rPh>
    <rPh sb="2" eb="5">
      <t>チュウガッコウ</t>
    </rPh>
    <phoneticPr fontId="2"/>
  </si>
  <si>
    <t>歌島中学校</t>
    <rPh sb="0" eb="2">
      <t>ウタジマ</t>
    </rPh>
    <rPh sb="2" eb="5">
      <t>チュウガッコウ</t>
    </rPh>
    <phoneticPr fontId="8"/>
  </si>
  <si>
    <t>阿倍野</t>
    <phoneticPr fontId="2"/>
  </si>
  <si>
    <t>文の里中学校</t>
    <rPh sb="0" eb="1">
      <t>フミ</t>
    </rPh>
    <rPh sb="2" eb="3">
      <t>サト</t>
    </rPh>
    <rPh sb="3" eb="4">
      <t>チュウ</t>
    </rPh>
    <rPh sb="4" eb="6">
      <t>ガッコウ</t>
    </rPh>
    <phoneticPr fontId="8"/>
  </si>
  <si>
    <t>東淀川</t>
    <rPh sb="0" eb="1">
      <t>ヒガシ</t>
    </rPh>
    <phoneticPr fontId="2"/>
  </si>
  <si>
    <t>大桐中学校</t>
    <rPh sb="0" eb="2">
      <t>オオギリ</t>
    </rPh>
    <rPh sb="2" eb="3">
      <t>チュウ</t>
    </rPh>
    <rPh sb="3" eb="5">
      <t>ガッコウ</t>
    </rPh>
    <phoneticPr fontId="8"/>
  </si>
  <si>
    <t>北稜中学校</t>
    <rPh sb="0" eb="2">
      <t>ホクリョウ</t>
    </rPh>
    <rPh sb="2" eb="3">
      <t>チュウ</t>
    </rPh>
    <rPh sb="3" eb="5">
      <t>ガッコウ</t>
    </rPh>
    <phoneticPr fontId="2"/>
  </si>
  <si>
    <t>天王寺中学校（3学年）</t>
    <rPh sb="0" eb="3">
      <t>テンノウジ</t>
    </rPh>
    <rPh sb="3" eb="6">
      <t>チュウガッコウ</t>
    </rPh>
    <phoneticPr fontId="2"/>
  </si>
  <si>
    <t>市岡中学校（3学年）</t>
    <rPh sb="0" eb="2">
      <t>イチオカ</t>
    </rPh>
    <rPh sb="2" eb="5">
      <t>チュウガッコウ</t>
    </rPh>
    <phoneticPr fontId="2"/>
  </si>
  <si>
    <t>市岡中学校（1，2学年及び職員室）</t>
    <rPh sb="0" eb="2">
      <t>イチオカ</t>
    </rPh>
    <rPh sb="2" eb="5">
      <t>チュウガッコウ</t>
    </rPh>
    <phoneticPr fontId="2"/>
  </si>
  <si>
    <t>下福島中学校（1，2学年及び職員室）</t>
    <rPh sb="0" eb="1">
      <t>シモ</t>
    </rPh>
    <rPh sb="1" eb="3">
      <t>フクシマ</t>
    </rPh>
    <rPh sb="3" eb="6">
      <t>チュウガッコウ</t>
    </rPh>
    <phoneticPr fontId="2"/>
  </si>
  <si>
    <t>下福島中学校（3学年）</t>
    <rPh sb="0" eb="1">
      <t>シモ</t>
    </rPh>
    <rPh sb="1" eb="3">
      <t>フクシマ</t>
    </rPh>
    <rPh sb="3" eb="6">
      <t>チュウガッコウ</t>
    </rPh>
    <phoneticPr fontId="2"/>
  </si>
  <si>
    <t>新北野中学校（1，2学年及び職員室）</t>
    <rPh sb="0" eb="3">
      <t>シンキタノ</t>
    </rPh>
    <rPh sb="3" eb="6">
      <t>チュウガッコウ</t>
    </rPh>
    <phoneticPr fontId="10"/>
  </si>
  <si>
    <t>新東淀中学校（1，2学年及び職員室）</t>
    <rPh sb="0" eb="1">
      <t>シン</t>
    </rPh>
    <rPh sb="1" eb="2">
      <t>ヒガシ</t>
    </rPh>
    <rPh sb="2" eb="3">
      <t>ヨド</t>
    </rPh>
    <rPh sb="3" eb="6">
      <t>チュウガッコウ</t>
    </rPh>
    <phoneticPr fontId="10"/>
  </si>
  <si>
    <t>相生中学校（1，2学年及び職員室）</t>
    <rPh sb="0" eb="2">
      <t>アイオイ</t>
    </rPh>
    <rPh sb="2" eb="5">
      <t>チュウガッコウ</t>
    </rPh>
    <phoneticPr fontId="2"/>
  </si>
  <si>
    <t>茨田北中学校（1，2学年及び職員室）</t>
    <rPh sb="0" eb="2">
      <t>マッタ</t>
    </rPh>
    <rPh sb="2" eb="3">
      <t>キタ</t>
    </rPh>
    <rPh sb="3" eb="6">
      <t>チュウガッコウ</t>
    </rPh>
    <phoneticPr fontId="2"/>
  </si>
  <si>
    <t>東住吉中学校（1，2学年及び職員室）</t>
    <rPh sb="0" eb="3">
      <t>ヒガシスミヨシ</t>
    </rPh>
    <rPh sb="3" eb="6">
      <t>チュウガッコウ</t>
    </rPh>
    <phoneticPr fontId="2"/>
  </si>
  <si>
    <t>中野中学校（1，2学年及び職員室）</t>
    <rPh sb="0" eb="1">
      <t>ナカ</t>
    </rPh>
    <rPh sb="1" eb="2">
      <t>ノ</t>
    </rPh>
    <rPh sb="2" eb="5">
      <t>チュウガッコウ</t>
    </rPh>
    <phoneticPr fontId="2"/>
  </si>
  <si>
    <t>新北野中学校（3学年）</t>
    <rPh sb="0" eb="3">
      <t>シンキタノ</t>
    </rPh>
    <rPh sb="3" eb="6">
      <t>チュウガッコウ</t>
    </rPh>
    <phoneticPr fontId="10"/>
  </si>
  <si>
    <t>新東淀中学校（3学年）</t>
    <rPh sb="0" eb="1">
      <t>シン</t>
    </rPh>
    <rPh sb="1" eb="2">
      <t>ヒガシ</t>
    </rPh>
    <rPh sb="2" eb="3">
      <t>ヨド</t>
    </rPh>
    <rPh sb="3" eb="6">
      <t>チュウガッコウ</t>
    </rPh>
    <phoneticPr fontId="10"/>
  </si>
  <si>
    <t>相生中学校（3学年）</t>
    <rPh sb="0" eb="2">
      <t>アイオイ</t>
    </rPh>
    <rPh sb="2" eb="5">
      <t>チュウガッコウ</t>
    </rPh>
    <phoneticPr fontId="2"/>
  </si>
  <si>
    <t>茨田北中学校（3学年）</t>
    <rPh sb="0" eb="2">
      <t>マッタ</t>
    </rPh>
    <rPh sb="2" eb="3">
      <t>キタ</t>
    </rPh>
    <rPh sb="3" eb="6">
      <t>チュウガッコウ</t>
    </rPh>
    <phoneticPr fontId="2"/>
  </si>
  <si>
    <t>東住吉中学校（3学年）</t>
    <rPh sb="0" eb="3">
      <t>ヒガシスミヨシ</t>
    </rPh>
    <rPh sb="3" eb="6">
      <t>チュウガッコウ</t>
    </rPh>
    <phoneticPr fontId="2"/>
  </si>
  <si>
    <t>中野中学校（3学年）</t>
    <rPh sb="0" eb="1">
      <t>ナカ</t>
    </rPh>
    <rPh sb="1" eb="2">
      <t>ノ</t>
    </rPh>
    <rPh sb="2" eb="5">
      <t>チュウガッコウ</t>
    </rPh>
    <phoneticPr fontId="2"/>
  </si>
  <si>
    <t>天王寺中学校（1，2学年及び職員室）</t>
    <rPh sb="0" eb="3">
      <t>テンノウジ</t>
    </rPh>
    <rPh sb="3" eb="6">
      <t>チュウガッコウ</t>
    </rPh>
    <phoneticPr fontId="2"/>
  </si>
  <si>
    <t>コック食品株式会社</t>
  </si>
  <si>
    <t>株式会社馬渕商事</t>
  </si>
  <si>
    <t>株式会社宝島</t>
  </si>
  <si>
    <t>株式会社馬渕商事</t>
    <rPh sb="4" eb="8">
      <t>マブチショウジ</t>
    </rPh>
    <phoneticPr fontId="2"/>
  </si>
  <si>
    <t>株式会社南テスティパル</t>
  </si>
  <si>
    <t>株式会社テスティパル</t>
  </si>
  <si>
    <t>一冨士フードサービス株式会社</t>
  </si>
  <si>
    <t>一冨士フードサービス株式会社</t>
    <rPh sb="1" eb="3">
      <t>フジ</t>
    </rPh>
    <phoneticPr fontId="2"/>
  </si>
  <si>
    <t>中央フードサービス株式会社</t>
  </si>
  <si>
    <t>株式会社ニチダン</t>
  </si>
  <si>
    <t>サニーディッシュ株式会社</t>
  </si>
  <si>
    <t>株式会社お弁当の浜乃家</t>
  </si>
  <si>
    <t>ナフス株式会社</t>
  </si>
  <si>
    <t>富士産業株式会社</t>
  </si>
  <si>
    <t>阪神給食株式会社</t>
  </si>
  <si>
    <t>阪神給食株式会社</t>
    <rPh sb="0" eb="4">
      <t>ハンシンキュウショク</t>
    </rPh>
    <phoneticPr fontId="2"/>
  </si>
  <si>
    <t>名阪食品株式会社</t>
  </si>
  <si>
    <t>朝日給食株式会社</t>
  </si>
  <si>
    <t>キョウワプロテック株式会社</t>
  </si>
  <si>
    <t>株式会社東洋食品</t>
  </si>
  <si>
    <t>村上給食株式会社</t>
  </si>
  <si>
    <t>淀川食品株式会社</t>
  </si>
  <si>
    <t>株式会社ミセスコロケット</t>
  </si>
  <si>
    <t>株式会社東武</t>
    <rPh sb="4" eb="6">
      <t>トウブ</t>
    </rPh>
    <phoneticPr fontId="2"/>
  </si>
  <si>
    <t>ナフス南株式会社</t>
  </si>
  <si>
    <t>イートランド株式会社</t>
  </si>
  <si>
    <t>ハーベストネクスト株式会社</t>
  </si>
  <si>
    <t>株式会社ジェイ・エス・エイ</t>
  </si>
  <si>
    <t>株式会社東テスティパル</t>
  </si>
  <si>
    <t>ナンブフードサービス株式会社</t>
  </si>
  <si>
    <t>日本国民食株式会社</t>
  </si>
  <si>
    <t>東大阪マルタマフーズ株式会社</t>
  </si>
  <si>
    <t>民託校及び受託業者一覧（令和５年４月１日現在）</t>
    <rPh sb="0" eb="1">
      <t>ミン</t>
    </rPh>
    <rPh sb="1" eb="2">
      <t>タク</t>
    </rPh>
    <rPh sb="2" eb="3">
      <t>コウ</t>
    </rPh>
    <rPh sb="3" eb="4">
      <t>オヨ</t>
    </rPh>
    <rPh sb="5" eb="7">
      <t>ジュタク</t>
    </rPh>
    <rPh sb="7" eb="9">
      <t>ギョウシャ</t>
    </rPh>
    <rPh sb="9" eb="11">
      <t>イチラン</t>
    </rPh>
    <rPh sb="12" eb="14">
      <t>レイワ</t>
    </rPh>
    <rPh sb="15" eb="16">
      <t>ネン</t>
    </rPh>
    <rPh sb="17" eb="18">
      <t>ガツ</t>
    </rPh>
    <rPh sb="19" eb="20">
      <t>ニチ</t>
    </rPh>
    <rPh sb="20" eb="22">
      <t>ゲンザイ</t>
    </rPh>
    <phoneticPr fontId="2"/>
  </si>
  <si>
    <t>瑞光中学校（1，2学年及び職員室）</t>
    <rPh sb="0" eb="2">
      <t>ズイコウ</t>
    </rPh>
    <rPh sb="2" eb="3">
      <t>チュウ</t>
    </rPh>
    <rPh sb="3" eb="5">
      <t>ガッコウ</t>
    </rPh>
    <phoneticPr fontId="2"/>
  </si>
  <si>
    <t>東淀川</t>
    <phoneticPr fontId="2"/>
  </si>
  <si>
    <t>小</t>
    <rPh sb="0" eb="1">
      <t>ショウ</t>
    </rPh>
    <phoneticPr fontId="2"/>
  </si>
  <si>
    <t>東淡路小学校</t>
    <rPh sb="0" eb="3">
      <t>ヒガシアワジ</t>
    </rPh>
    <rPh sb="3" eb="6">
      <t>ショウガッコウ</t>
    </rPh>
    <phoneticPr fontId="2"/>
  </si>
  <si>
    <t>西淡路小学校</t>
    <rPh sb="0" eb="6">
      <t>ニシアワジショウガッコウ</t>
    </rPh>
    <phoneticPr fontId="2"/>
  </si>
  <si>
    <t>サニーディッシュ株式会社</t>
    <phoneticPr fontId="2"/>
  </si>
  <si>
    <t>柴島中学校</t>
    <rPh sb="0" eb="2">
      <t>クニジマ</t>
    </rPh>
    <rPh sb="2" eb="5">
      <t>チュウガッコウ</t>
    </rPh>
    <phoneticPr fontId="2"/>
  </si>
  <si>
    <t>生野</t>
    <phoneticPr fontId="2"/>
  </si>
  <si>
    <t>東小路小学校</t>
    <rPh sb="0" eb="3">
      <t>ヒガシショウジ</t>
    </rPh>
    <rPh sb="3" eb="6">
      <t>ショウガッコウ</t>
    </rPh>
    <phoneticPr fontId="2"/>
  </si>
  <si>
    <t>新生野中学校</t>
    <rPh sb="0" eb="6">
      <t>シンイクノチュウガッコウ</t>
    </rPh>
    <phoneticPr fontId="2"/>
  </si>
  <si>
    <t>株式会社ミセスコロケット</t>
    <rPh sb="0" eb="4">
      <t>カブシキガイシャ</t>
    </rPh>
    <phoneticPr fontId="2"/>
  </si>
  <si>
    <t>東住吉</t>
    <phoneticPr fontId="2"/>
  </si>
  <si>
    <t>矢田東小学校</t>
    <rPh sb="0" eb="6">
      <t>ヤタヒガシショウガッコウ</t>
    </rPh>
    <phoneticPr fontId="2"/>
  </si>
  <si>
    <t>矢田中学校</t>
    <rPh sb="0" eb="2">
      <t>ヤタ</t>
    </rPh>
    <rPh sb="2" eb="5">
      <t>チュウガッコウ</t>
    </rPh>
    <phoneticPr fontId="2"/>
  </si>
  <si>
    <t>株式会社南テスティパル</t>
    <rPh sb="0" eb="4">
      <t>カブシキガイシャ</t>
    </rPh>
    <rPh sb="4" eb="5">
      <t>ミナミ</t>
    </rPh>
    <phoneticPr fontId="2"/>
  </si>
  <si>
    <t>平野</t>
    <rPh sb="0" eb="2">
      <t>ヒラノ</t>
    </rPh>
    <phoneticPr fontId="2"/>
  </si>
  <si>
    <t>長吉東小学校</t>
    <rPh sb="0" eb="6">
      <t>ナガヨシヒガシショウガッコウ</t>
    </rPh>
    <phoneticPr fontId="2"/>
  </si>
  <si>
    <t>長吉六反中学校</t>
    <rPh sb="0" eb="7">
      <t>ナガヨシロクタンチュウガッコウ</t>
    </rPh>
    <phoneticPr fontId="2"/>
  </si>
  <si>
    <t>中央</t>
    <phoneticPr fontId="2"/>
  </si>
  <si>
    <t>東中学校</t>
    <rPh sb="0" eb="1">
      <t>ヒガシ</t>
    </rPh>
    <rPh sb="1" eb="2">
      <t>チュウ</t>
    </rPh>
    <rPh sb="2" eb="4">
      <t>ガッコウ</t>
    </rPh>
    <phoneticPr fontId="8"/>
  </si>
  <si>
    <t>上町中学校</t>
    <rPh sb="0" eb="2">
      <t>ウエマチ</t>
    </rPh>
    <rPh sb="2" eb="3">
      <t>チュウ</t>
    </rPh>
    <rPh sb="3" eb="5">
      <t>ガッコウ</t>
    </rPh>
    <phoneticPr fontId="2"/>
  </si>
  <si>
    <t>朝日給食株式会社</t>
    <phoneticPr fontId="2"/>
  </si>
  <si>
    <t>瑞光中学校（3学年）</t>
    <rPh sb="0" eb="2">
      <t>ズイコウ</t>
    </rPh>
    <rPh sb="2" eb="3">
      <t>チュウ</t>
    </rPh>
    <rPh sb="3" eb="5">
      <t>ガッコ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游ゴシック"/>
      <family val="2"/>
      <charset val="128"/>
      <scheme val="minor"/>
    </font>
    <font>
      <b/>
      <sz val="14"/>
      <color theme="1"/>
      <name val="Meiryo UI"/>
      <family val="3"/>
      <charset val="128"/>
    </font>
    <font>
      <sz val="6"/>
      <name val="游ゴシック"/>
      <family val="2"/>
      <charset val="128"/>
      <scheme val="minor"/>
    </font>
    <font>
      <b/>
      <sz val="11"/>
      <color theme="1"/>
      <name val="Meiryo UI"/>
      <family val="3"/>
      <charset val="128"/>
    </font>
    <font>
      <b/>
      <sz val="10"/>
      <color theme="1"/>
      <name val="Meiryo UI"/>
      <family val="3"/>
      <charset val="128"/>
    </font>
    <font>
      <sz val="10"/>
      <color theme="1"/>
      <name val="游ゴシック"/>
      <family val="3"/>
      <charset val="128"/>
      <scheme val="minor"/>
    </font>
    <font>
      <sz val="8"/>
      <color theme="1"/>
      <name val="游ゴシック"/>
      <family val="2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8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1" fillId="0" borderId="0" xfId="0" applyFont="1" applyFill="1" applyAlignment="1">
      <alignment horizontal="centerContinuous" vertical="center"/>
    </xf>
    <xf numFmtId="0" fontId="3" fillId="0" borderId="0" xfId="0" applyFont="1" applyAlignment="1">
      <alignment horizontal="centerContinuous" vertical="center" shrinkToFit="1"/>
    </xf>
    <xf numFmtId="0" fontId="1" fillId="0" borderId="0" xfId="0" applyFont="1" applyAlignment="1">
      <alignment horizontal="centerContinuous" vertical="center" shrinkToFit="1"/>
    </xf>
    <xf numFmtId="0" fontId="1" fillId="0" borderId="0" xfId="0" applyFont="1" applyFill="1" applyAlignment="1">
      <alignment horizontal="centerContinuous" vertical="center" shrinkToFit="1"/>
    </xf>
    <xf numFmtId="0" fontId="4" fillId="0" borderId="0" xfId="0" applyFont="1" applyFill="1" applyAlignment="1">
      <alignment horizontal="centerContinuous" vertical="center" shrinkToFit="1"/>
    </xf>
    <xf numFmtId="0" fontId="0" fillId="0" borderId="0" xfId="0" applyAlignment="1">
      <alignment vertical="center" wrapTex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0" fillId="0" borderId="0" xfId="0" applyFill="1" applyAlignment="1">
      <alignment vertical="center" shrinkToFit="1"/>
    </xf>
    <xf numFmtId="0" fontId="5" fillId="0" borderId="0" xfId="0" applyFont="1" applyFill="1" applyAlignment="1">
      <alignment vertical="center" shrinkToFit="1"/>
    </xf>
    <xf numFmtId="0" fontId="0" fillId="0" borderId="0" xfId="0" applyAlignment="1">
      <alignment vertical="center" shrinkToFit="1"/>
    </xf>
    <xf numFmtId="0" fontId="0" fillId="2" borderId="1" xfId="0" applyFill="1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shrinkToFit="1"/>
    </xf>
    <xf numFmtId="0" fontId="0" fillId="0" borderId="2" xfId="0" applyFill="1" applyBorder="1" applyAlignment="1">
      <alignment horizontal="center" vertical="center"/>
    </xf>
    <xf numFmtId="0" fontId="0" fillId="0" borderId="2" xfId="0" applyFill="1" applyBorder="1" applyAlignment="1">
      <alignment horizontal="center" vertical="center" shrinkToFit="1"/>
    </xf>
    <xf numFmtId="0" fontId="9" fillId="0" borderId="2" xfId="0" applyFont="1" applyFill="1" applyBorder="1" applyAlignment="1">
      <alignment horizontal="center" vertical="center"/>
    </xf>
    <xf numFmtId="0" fontId="0" fillId="0" borderId="2" xfId="0" applyFill="1" applyBorder="1" applyAlignment="1">
      <alignment vertical="center" shrinkToFit="1"/>
    </xf>
    <xf numFmtId="0" fontId="9" fillId="0" borderId="2" xfId="0" applyFont="1" applyFill="1" applyBorder="1" applyAlignment="1">
      <alignment vertical="center" shrinkToFit="1"/>
    </xf>
    <xf numFmtId="0" fontId="0" fillId="0" borderId="3" xfId="0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 shrinkToFit="1"/>
    </xf>
    <xf numFmtId="0" fontId="9" fillId="0" borderId="3" xfId="0" applyFont="1" applyFill="1" applyBorder="1" applyAlignment="1">
      <alignment horizontal="center" vertical="center"/>
    </xf>
    <xf numFmtId="0" fontId="0" fillId="0" borderId="3" xfId="0" applyFill="1" applyBorder="1" applyAlignment="1">
      <alignment vertical="center" shrinkToFit="1"/>
    </xf>
    <xf numFmtId="0" fontId="9" fillId="0" borderId="3" xfId="0" applyFont="1" applyFill="1" applyBorder="1" applyAlignment="1">
      <alignment vertical="center" shrinkToFit="1"/>
    </xf>
    <xf numFmtId="0" fontId="0" fillId="0" borderId="0" xfId="0" applyFill="1">
      <alignment vertical="center"/>
    </xf>
    <xf numFmtId="0" fontId="9" fillId="0" borderId="3" xfId="0" applyFont="1" applyFill="1" applyBorder="1">
      <alignment vertical="center"/>
    </xf>
    <xf numFmtId="0" fontId="0" fillId="0" borderId="4" xfId="0" applyFill="1" applyBorder="1" applyAlignment="1">
      <alignment horizontal="center" vertical="center" shrinkToFit="1"/>
    </xf>
    <xf numFmtId="0" fontId="9" fillId="0" borderId="4" xfId="0" applyFont="1" applyFill="1" applyBorder="1" applyAlignment="1">
      <alignment horizontal="center" vertical="center"/>
    </xf>
    <xf numFmtId="0" fontId="0" fillId="0" borderId="4" xfId="0" applyFill="1" applyBorder="1" applyAlignment="1">
      <alignment vertical="center" shrinkToFit="1"/>
    </xf>
    <xf numFmtId="0" fontId="9" fillId="0" borderId="4" xfId="0" applyFont="1" applyFill="1" applyBorder="1" applyAlignment="1">
      <alignment vertical="center" shrinkToFit="1"/>
    </xf>
    <xf numFmtId="0" fontId="0" fillId="0" borderId="5" xfId="0" applyFill="1" applyBorder="1" applyAlignment="1">
      <alignment horizontal="center" vertical="center" shrinkToFit="1"/>
    </xf>
    <xf numFmtId="0" fontId="9" fillId="0" borderId="5" xfId="0" applyFont="1" applyFill="1" applyBorder="1" applyAlignment="1">
      <alignment horizontal="center" vertical="center"/>
    </xf>
    <xf numFmtId="0" fontId="0" fillId="0" borderId="5" xfId="0" applyFill="1" applyBorder="1" applyAlignment="1">
      <alignment vertical="center" shrinkToFit="1"/>
    </xf>
    <xf numFmtId="0" fontId="9" fillId="0" borderId="5" xfId="0" applyFont="1" applyFill="1" applyBorder="1" applyAlignment="1">
      <alignment vertical="center" shrinkToFit="1"/>
    </xf>
    <xf numFmtId="0" fontId="0" fillId="0" borderId="3" xfId="0" applyFill="1" applyBorder="1" applyAlignment="1">
      <alignment vertical="center" wrapText="1" shrinkToFit="1"/>
    </xf>
    <xf numFmtId="0" fontId="9" fillId="0" borderId="6" xfId="0" applyFont="1" applyFill="1" applyBorder="1" applyAlignment="1">
      <alignment vertical="center" shrinkToFit="1"/>
    </xf>
    <xf numFmtId="0" fontId="0" fillId="0" borderId="6" xfId="0" applyFill="1" applyBorder="1" applyAlignment="1">
      <alignment vertical="center" shrinkToFit="1"/>
    </xf>
    <xf numFmtId="0" fontId="0" fillId="0" borderId="6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18;&#12540;&#12470;&#20316;&#26989;&#29992;&#12501;&#12457;&#12523;&#12480;\&#12288;02&#12304;&#23567;&#23398;&#26657;&#32102;&#39135;&#12305;\02&#20107;&#21209;&#12521;&#12452;&#12531;\03&#23398;&#26657;&#32102;&#39135;&#35519;&#29702;&#26989;&#21209;&#27665;&#38291;&#22996;&#35351;&#20107;&#26989;\&#24179;&#25104;29&#24180;&#24230;\H28&#20104;&#23450;&#20385;&#26684;&#31309;&#31639;&#34920;&#65288;H28&#38598;&#32004;&#65289;&#23567;&#23398;&#26657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中野手渡し食数規模による配置人数 (2)"/>
      <sheetName val="入力用データ"/>
      <sheetName val="食数規模による配置人数"/>
      <sheetName val="特別作業積算②"/>
      <sheetName val="予算積算の考え方③"/>
      <sheetName val="予定価格④"/>
      <sheetName val="積算⑤"/>
      <sheetName val="③のピボット"/>
      <sheetName val="Sheet2"/>
      <sheetName val="H28集計(現行)"/>
      <sheetName val="教職員計"/>
      <sheetName val="教職員(中)"/>
    </sheetNames>
    <sheetDataSet>
      <sheetData sheetId="0"/>
      <sheetData sheetId="1"/>
      <sheetData sheetId="2"/>
      <sheetData sheetId="3"/>
      <sheetData sheetId="4"/>
      <sheetData sheetId="5">
        <row r="2">
          <cell r="L2" t="str">
            <v>中津小</v>
          </cell>
        </row>
        <row r="3">
          <cell r="L3" t="str">
            <v>東都島小</v>
          </cell>
        </row>
        <row r="4">
          <cell r="L4" t="str">
            <v>友渕小分校</v>
          </cell>
        </row>
        <row r="5">
          <cell r="L5" t="str">
            <v>友渕小本校</v>
          </cell>
        </row>
        <row r="6">
          <cell r="L6" t="str">
            <v>海老江西小</v>
          </cell>
        </row>
        <row r="7">
          <cell r="L7" t="str">
            <v>上福島小</v>
          </cell>
        </row>
        <row r="8">
          <cell r="L8" t="str">
            <v>福島小</v>
          </cell>
        </row>
        <row r="9">
          <cell r="L9" t="str">
            <v>西九条小</v>
          </cell>
        </row>
        <row r="10">
          <cell r="L10" t="str">
            <v>中央小</v>
          </cell>
        </row>
        <row r="11">
          <cell r="L11" t="str">
            <v>堀江小</v>
          </cell>
        </row>
        <row r="12">
          <cell r="L12" t="str">
            <v>本田小</v>
          </cell>
        </row>
        <row r="13">
          <cell r="L13" t="str">
            <v>磯路小</v>
          </cell>
        </row>
        <row r="14">
          <cell r="L14" t="str">
            <v>波除小</v>
          </cell>
        </row>
        <row r="15">
          <cell r="L15" t="str">
            <v>五条小</v>
          </cell>
        </row>
        <row r="16">
          <cell r="L16" t="str">
            <v>聖和小</v>
          </cell>
        </row>
        <row r="17">
          <cell r="L17" t="str">
            <v>天王寺小</v>
          </cell>
        </row>
        <row r="18">
          <cell r="L18" t="str">
            <v>姫里小</v>
          </cell>
        </row>
        <row r="19">
          <cell r="L19" t="str">
            <v>三国小</v>
          </cell>
        </row>
        <row r="20">
          <cell r="L20" t="str">
            <v>三津屋小</v>
          </cell>
        </row>
        <row r="21">
          <cell r="L21" t="str">
            <v>井高野小</v>
          </cell>
        </row>
        <row r="22">
          <cell r="L22" t="str">
            <v>大桐小</v>
          </cell>
        </row>
        <row r="23">
          <cell r="L23" t="str">
            <v>神路小</v>
          </cell>
        </row>
        <row r="24">
          <cell r="L24" t="str">
            <v>東小橋小</v>
          </cell>
        </row>
        <row r="25">
          <cell r="L25" t="str">
            <v>巽小</v>
          </cell>
        </row>
        <row r="26">
          <cell r="L26" t="str">
            <v>巽東小</v>
          </cell>
        </row>
        <row r="27">
          <cell r="L27" t="str">
            <v>巽南小</v>
          </cell>
        </row>
        <row r="28">
          <cell r="L28" t="str">
            <v>すみれ小</v>
          </cell>
        </row>
        <row r="29">
          <cell r="L29" t="str">
            <v>鴫野小</v>
          </cell>
        </row>
        <row r="30">
          <cell r="L30" t="str">
            <v>成育小</v>
          </cell>
        </row>
        <row r="31">
          <cell r="L31" t="str">
            <v>茨田西小</v>
          </cell>
        </row>
        <row r="32">
          <cell r="L32" t="str">
            <v>金塚小</v>
          </cell>
        </row>
        <row r="33">
          <cell r="L33" t="str">
            <v>長池小</v>
          </cell>
        </row>
        <row r="34">
          <cell r="L34" t="str">
            <v>住之江小</v>
          </cell>
        </row>
        <row r="35">
          <cell r="L35" t="str">
            <v>墨江小</v>
          </cell>
        </row>
        <row r="36">
          <cell r="L36" t="str">
            <v>育和小</v>
          </cell>
        </row>
        <row r="37">
          <cell r="L37" t="str">
            <v>加美小</v>
          </cell>
        </row>
        <row r="38">
          <cell r="L38" t="str">
            <v>加美南部小</v>
          </cell>
        </row>
        <row r="39">
          <cell r="L39" t="str">
            <v>加美北小</v>
          </cell>
        </row>
        <row r="40">
          <cell r="L40" t="str">
            <v>平野小</v>
          </cell>
        </row>
        <row r="41">
          <cell r="L41" t="str">
            <v>岸里小</v>
          </cell>
        </row>
        <row r="42">
          <cell r="L42" t="str">
            <v>東小橋小</v>
          </cell>
        </row>
        <row r="43">
          <cell r="L43" t="str">
            <v>巽小</v>
          </cell>
        </row>
        <row r="44">
          <cell r="L44" t="str">
            <v>巽東小</v>
          </cell>
        </row>
        <row r="45">
          <cell r="L45" t="str">
            <v>巽南小</v>
          </cell>
        </row>
        <row r="46">
          <cell r="L46" t="str">
            <v>すみれ小</v>
          </cell>
        </row>
        <row r="47">
          <cell r="L47" t="str">
            <v>鴫野小</v>
          </cell>
        </row>
        <row r="48">
          <cell r="L48" t="str">
            <v>成育小</v>
          </cell>
        </row>
        <row r="49">
          <cell r="L49" t="str">
            <v>茨田西小</v>
          </cell>
        </row>
        <row r="50">
          <cell r="L50" t="str">
            <v>金塚小</v>
          </cell>
        </row>
        <row r="51">
          <cell r="L51" t="str">
            <v>長池小</v>
          </cell>
        </row>
        <row r="52">
          <cell r="L52" t="str">
            <v>住之江小</v>
          </cell>
        </row>
        <row r="53">
          <cell r="L53" t="str">
            <v>墨江小</v>
          </cell>
        </row>
        <row r="54">
          <cell r="L54" t="str">
            <v>育和小</v>
          </cell>
        </row>
        <row r="55">
          <cell r="L55" t="str">
            <v>加美小</v>
          </cell>
        </row>
        <row r="56">
          <cell r="L56" t="str">
            <v>加美南部小</v>
          </cell>
        </row>
        <row r="57">
          <cell r="L57" t="str">
            <v>加美北小</v>
          </cell>
        </row>
        <row r="58">
          <cell r="L58" t="str">
            <v>平野小</v>
          </cell>
        </row>
        <row r="59">
          <cell r="L59" t="str">
            <v>岸里小</v>
          </cell>
        </row>
      </sheetData>
      <sheetData sheetId="6"/>
      <sheetData sheetId="7"/>
      <sheetData sheetId="8"/>
      <sheetData sheetId="9">
        <row r="1">
          <cell r="D1" t="str">
            <v>学　校　名</v>
          </cell>
        </row>
      </sheetData>
      <sheetData sheetId="10">
        <row r="1">
          <cell r="B1" t="str">
            <v>学校名</v>
          </cell>
        </row>
      </sheetData>
      <sheetData sheetId="1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filterMode="1">
    <tabColor rgb="FFFFC000"/>
    <pageSetUpPr fitToPage="1"/>
  </sheetPr>
  <dimension ref="A1:F193"/>
  <sheetViews>
    <sheetView showGridLines="0" tabSelected="1" view="pageBreakPreview" zoomScale="85" zoomScaleNormal="100" zoomScaleSheetLayoutView="85" workbookViewId="0">
      <pane ySplit="4" topLeftCell="A5" activePane="bottomLeft" state="frozen"/>
      <selection pane="bottomLeft" activeCell="I194" sqref="I194"/>
    </sheetView>
  </sheetViews>
  <sheetFormatPr defaultRowHeight="18.75" x14ac:dyDescent="0.4"/>
  <cols>
    <col min="1" max="1" width="4.375" style="6" customWidth="1"/>
    <col min="2" max="2" width="4.875" style="7" customWidth="1"/>
    <col min="3" max="3" width="5.25" style="8" customWidth="1"/>
    <col min="4" max="4" width="22.25" style="9" bestFit="1" customWidth="1"/>
    <col min="5" max="5" width="29.625" style="10" bestFit="1" customWidth="1"/>
    <col min="6" max="6" width="34.125" style="11" customWidth="1"/>
  </cols>
  <sheetData>
    <row r="1" spans="1:6" ht="22.5" customHeight="1" x14ac:dyDescent="0.4">
      <c r="A1" s="1" t="s">
        <v>365</v>
      </c>
      <c r="B1" s="2"/>
      <c r="C1" s="3"/>
      <c r="D1" s="4"/>
      <c r="E1" s="5"/>
      <c r="F1" s="3"/>
    </row>
    <row r="2" spans="1:6" x14ac:dyDescent="0.4">
      <c r="F2" s="8"/>
    </row>
    <row r="3" spans="1:6" ht="3.75" customHeight="1" x14ac:dyDescent="0.4"/>
    <row r="4" spans="1:6" s="8" customFormat="1" ht="35.25" customHeight="1" x14ac:dyDescent="0.4">
      <c r="A4" s="12" t="s">
        <v>0</v>
      </c>
      <c r="B4" s="13" t="s">
        <v>1</v>
      </c>
      <c r="C4" s="14" t="s">
        <v>2</v>
      </c>
      <c r="D4" s="13" t="s">
        <v>3</v>
      </c>
      <c r="E4" s="15" t="s">
        <v>4</v>
      </c>
      <c r="F4" s="13" t="s">
        <v>5</v>
      </c>
    </row>
    <row r="5" spans="1:6" ht="18" hidden="1" customHeight="1" x14ac:dyDescent="0.4">
      <c r="A5" s="16">
        <f>ROW()-4</f>
        <v>1</v>
      </c>
      <c r="B5" s="17" t="s">
        <v>6</v>
      </c>
      <c r="C5" s="18" t="s">
        <v>7</v>
      </c>
      <c r="D5" s="19" t="s">
        <v>8</v>
      </c>
      <c r="E5" s="20" t="s">
        <v>333</v>
      </c>
      <c r="F5" s="19" t="s">
        <v>9</v>
      </c>
    </row>
    <row r="6" spans="1:6" ht="18" hidden="1" customHeight="1" x14ac:dyDescent="0.4">
      <c r="A6" s="21">
        <f>ROW()-4</f>
        <v>2</v>
      </c>
      <c r="B6" s="22" t="s">
        <v>10</v>
      </c>
      <c r="C6" s="23" t="s">
        <v>7</v>
      </c>
      <c r="D6" s="24" t="s">
        <v>11</v>
      </c>
      <c r="E6" s="25" t="s">
        <v>333</v>
      </c>
      <c r="F6" s="36" t="s">
        <v>314</v>
      </c>
    </row>
    <row r="7" spans="1:6" ht="18" hidden="1" customHeight="1" x14ac:dyDescent="0.4">
      <c r="A7" s="21">
        <f t="shared" ref="A7:A78" si="0">ROW()-4</f>
        <v>3</v>
      </c>
      <c r="B7" s="22" t="s">
        <v>6</v>
      </c>
      <c r="C7" s="23" t="s">
        <v>7</v>
      </c>
      <c r="D7" s="24" t="s">
        <v>12</v>
      </c>
      <c r="E7" s="25" t="s">
        <v>334</v>
      </c>
      <c r="F7" s="24"/>
    </row>
    <row r="8" spans="1:6" ht="18" hidden="1" customHeight="1" x14ac:dyDescent="0.4">
      <c r="A8" s="21">
        <f t="shared" si="0"/>
        <v>4</v>
      </c>
      <c r="B8" s="22" t="s">
        <v>6</v>
      </c>
      <c r="C8" s="23" t="s">
        <v>7</v>
      </c>
      <c r="D8" s="24" t="s">
        <v>13</v>
      </c>
      <c r="E8" s="25" t="s">
        <v>334</v>
      </c>
      <c r="F8" s="24"/>
    </row>
    <row r="9" spans="1:6" ht="18" hidden="1" customHeight="1" x14ac:dyDescent="0.4">
      <c r="A9" s="21">
        <f t="shared" si="0"/>
        <v>5</v>
      </c>
      <c r="B9" s="22" t="s">
        <v>6</v>
      </c>
      <c r="C9" s="23" t="s">
        <v>7</v>
      </c>
      <c r="D9" s="24" t="s">
        <v>14</v>
      </c>
      <c r="E9" s="25" t="s">
        <v>333</v>
      </c>
      <c r="F9" s="24" t="s">
        <v>15</v>
      </c>
    </row>
    <row r="10" spans="1:6" ht="18" hidden="1" customHeight="1" x14ac:dyDescent="0.4">
      <c r="A10" s="21">
        <f t="shared" si="0"/>
        <v>6</v>
      </c>
      <c r="B10" s="22" t="s">
        <v>6</v>
      </c>
      <c r="C10" s="23" t="s">
        <v>7</v>
      </c>
      <c r="D10" s="24" t="s">
        <v>16</v>
      </c>
      <c r="E10" s="25" t="s">
        <v>333</v>
      </c>
      <c r="F10" s="24" t="s">
        <v>17</v>
      </c>
    </row>
    <row r="11" spans="1:6" s="26" customFormat="1" ht="18" hidden="1" customHeight="1" x14ac:dyDescent="0.4">
      <c r="A11" s="21">
        <f t="shared" si="0"/>
        <v>7</v>
      </c>
      <c r="B11" s="22" t="s">
        <v>6</v>
      </c>
      <c r="C11" s="23" t="s">
        <v>7</v>
      </c>
      <c r="D11" s="24" t="s">
        <v>18</v>
      </c>
      <c r="E11" s="25" t="s">
        <v>335</v>
      </c>
      <c r="F11" s="24" t="s">
        <v>19</v>
      </c>
    </row>
    <row r="12" spans="1:6" s="26" customFormat="1" ht="18" hidden="1" customHeight="1" x14ac:dyDescent="0.4">
      <c r="A12" s="21">
        <f t="shared" si="0"/>
        <v>8</v>
      </c>
      <c r="B12" s="22" t="s">
        <v>6</v>
      </c>
      <c r="C12" s="23" t="s">
        <v>7</v>
      </c>
      <c r="D12" s="24" t="s">
        <v>20</v>
      </c>
      <c r="E12" s="25" t="s">
        <v>336</v>
      </c>
      <c r="F12" s="24"/>
    </row>
    <row r="13" spans="1:6" s="26" customFormat="1" ht="18" hidden="1" customHeight="1" x14ac:dyDescent="0.4">
      <c r="A13" s="21">
        <f t="shared" si="0"/>
        <v>9</v>
      </c>
      <c r="B13" s="22" t="s">
        <v>21</v>
      </c>
      <c r="C13" s="23" t="s">
        <v>7</v>
      </c>
      <c r="D13" s="24" t="s">
        <v>22</v>
      </c>
      <c r="E13" s="25" t="s">
        <v>337</v>
      </c>
      <c r="F13" s="24"/>
    </row>
    <row r="14" spans="1:6" s="26" customFormat="1" ht="18" hidden="1" customHeight="1" x14ac:dyDescent="0.4">
      <c r="A14" s="21">
        <f t="shared" si="0"/>
        <v>10</v>
      </c>
      <c r="B14" s="22" t="s">
        <v>21</v>
      </c>
      <c r="C14" s="23" t="s">
        <v>7</v>
      </c>
      <c r="D14" s="24" t="s">
        <v>23</v>
      </c>
      <c r="E14" s="25" t="s">
        <v>338</v>
      </c>
      <c r="F14" s="24"/>
    </row>
    <row r="15" spans="1:6" s="26" customFormat="1" ht="18" hidden="1" customHeight="1" x14ac:dyDescent="0.4">
      <c r="A15" s="21">
        <f t="shared" si="0"/>
        <v>11</v>
      </c>
      <c r="B15" s="22" t="s">
        <v>21</v>
      </c>
      <c r="C15" s="23" t="s">
        <v>7</v>
      </c>
      <c r="D15" s="24" t="s">
        <v>24</v>
      </c>
      <c r="E15" s="25" t="s">
        <v>338</v>
      </c>
      <c r="F15" s="24"/>
    </row>
    <row r="16" spans="1:6" s="26" customFormat="1" ht="18" hidden="1" customHeight="1" x14ac:dyDescent="0.4">
      <c r="A16" s="21">
        <f t="shared" si="0"/>
        <v>12</v>
      </c>
      <c r="B16" s="22" t="s">
        <v>21</v>
      </c>
      <c r="C16" s="23" t="s">
        <v>7</v>
      </c>
      <c r="D16" s="24" t="s">
        <v>25</v>
      </c>
      <c r="E16" s="25" t="s">
        <v>338</v>
      </c>
      <c r="F16" s="24"/>
    </row>
    <row r="17" spans="1:6" s="26" customFormat="1" ht="18" hidden="1" customHeight="1" x14ac:dyDescent="0.4">
      <c r="A17" s="21">
        <f t="shared" si="0"/>
        <v>13</v>
      </c>
      <c r="B17" s="22" t="s">
        <v>21</v>
      </c>
      <c r="C17" s="23" t="s">
        <v>7</v>
      </c>
      <c r="D17" s="24" t="s">
        <v>26</v>
      </c>
      <c r="E17" s="25" t="s">
        <v>337</v>
      </c>
      <c r="F17" s="24" t="s">
        <v>27</v>
      </c>
    </row>
    <row r="18" spans="1:6" s="26" customFormat="1" ht="18" hidden="1" customHeight="1" x14ac:dyDescent="0.4">
      <c r="A18" s="21">
        <f t="shared" si="0"/>
        <v>14</v>
      </c>
      <c r="B18" s="22" t="s">
        <v>21</v>
      </c>
      <c r="C18" s="23" t="s">
        <v>7</v>
      </c>
      <c r="D18" s="24" t="s">
        <v>28</v>
      </c>
      <c r="E18" s="25" t="s">
        <v>333</v>
      </c>
      <c r="F18" s="24" t="s">
        <v>29</v>
      </c>
    </row>
    <row r="19" spans="1:6" s="26" customFormat="1" ht="18" hidden="1" customHeight="1" x14ac:dyDescent="0.4">
      <c r="A19" s="21">
        <f t="shared" si="0"/>
        <v>15</v>
      </c>
      <c r="B19" s="22" t="s">
        <v>30</v>
      </c>
      <c r="C19" s="23" t="s">
        <v>7</v>
      </c>
      <c r="D19" s="24" t="s">
        <v>31</v>
      </c>
      <c r="E19" s="25" t="s">
        <v>338</v>
      </c>
      <c r="F19" s="24" t="s">
        <v>32</v>
      </c>
    </row>
    <row r="20" spans="1:6" s="26" customFormat="1" ht="18" hidden="1" customHeight="1" x14ac:dyDescent="0.4">
      <c r="A20" s="21">
        <f t="shared" si="0"/>
        <v>16</v>
      </c>
      <c r="B20" s="22" t="s">
        <v>30</v>
      </c>
      <c r="C20" s="23" t="s">
        <v>7</v>
      </c>
      <c r="D20" s="24" t="s">
        <v>33</v>
      </c>
      <c r="E20" s="25" t="s">
        <v>335</v>
      </c>
      <c r="F20" s="24" t="s">
        <v>34</v>
      </c>
    </row>
    <row r="21" spans="1:6" ht="18" hidden="1" customHeight="1" x14ac:dyDescent="0.4">
      <c r="A21" s="21">
        <f t="shared" si="0"/>
        <v>17</v>
      </c>
      <c r="B21" s="22" t="s">
        <v>35</v>
      </c>
      <c r="C21" s="23" t="s">
        <v>7</v>
      </c>
      <c r="D21" s="24" t="s">
        <v>36</v>
      </c>
      <c r="E21" s="25" t="s">
        <v>340</v>
      </c>
      <c r="F21" s="24"/>
    </row>
    <row r="22" spans="1:6" ht="18" hidden="1" customHeight="1" x14ac:dyDescent="0.4">
      <c r="A22" s="21">
        <f t="shared" si="0"/>
        <v>18</v>
      </c>
      <c r="B22" s="22" t="s">
        <v>35</v>
      </c>
      <c r="C22" s="23" t="s">
        <v>7</v>
      </c>
      <c r="D22" s="24" t="s">
        <v>37</v>
      </c>
      <c r="E22" s="25" t="s">
        <v>339</v>
      </c>
      <c r="F22" s="24"/>
    </row>
    <row r="23" spans="1:6" ht="18" hidden="1" customHeight="1" x14ac:dyDescent="0.4">
      <c r="A23" s="21">
        <f t="shared" si="0"/>
        <v>19</v>
      </c>
      <c r="B23" s="22" t="s">
        <v>35</v>
      </c>
      <c r="C23" s="23" t="s">
        <v>7</v>
      </c>
      <c r="D23" s="24" t="s">
        <v>38</v>
      </c>
      <c r="E23" s="25" t="s">
        <v>339</v>
      </c>
      <c r="F23" s="24"/>
    </row>
    <row r="24" spans="1:6" ht="18" hidden="1" customHeight="1" x14ac:dyDescent="0.4">
      <c r="A24" s="21">
        <f t="shared" si="0"/>
        <v>20</v>
      </c>
      <c r="B24" s="22" t="s">
        <v>39</v>
      </c>
      <c r="C24" s="23" t="s">
        <v>7</v>
      </c>
      <c r="D24" s="24" t="s">
        <v>40</v>
      </c>
      <c r="E24" s="25" t="s">
        <v>339</v>
      </c>
      <c r="F24" s="24" t="s">
        <v>41</v>
      </c>
    </row>
    <row r="25" spans="1:6" ht="18" hidden="1" customHeight="1" x14ac:dyDescent="0.4">
      <c r="A25" s="21">
        <f t="shared" si="0"/>
        <v>21</v>
      </c>
      <c r="B25" s="22" t="s">
        <v>39</v>
      </c>
      <c r="C25" s="23" t="s">
        <v>7</v>
      </c>
      <c r="D25" s="24" t="s">
        <v>42</v>
      </c>
      <c r="E25" s="25" t="s">
        <v>341</v>
      </c>
      <c r="F25" s="24" t="s">
        <v>318</v>
      </c>
    </row>
    <row r="26" spans="1:6" ht="18" hidden="1" customHeight="1" x14ac:dyDescent="0.4">
      <c r="A26" s="21">
        <f t="shared" si="0"/>
        <v>22</v>
      </c>
      <c r="B26" s="22" t="s">
        <v>39</v>
      </c>
      <c r="C26" s="23" t="s">
        <v>7</v>
      </c>
      <c r="D26" s="24" t="s">
        <v>43</v>
      </c>
      <c r="E26" s="25" t="s">
        <v>341</v>
      </c>
      <c r="F26" s="24" t="s">
        <v>319</v>
      </c>
    </row>
    <row r="27" spans="1:6" s="26" customFormat="1" ht="18" hidden="1" customHeight="1" x14ac:dyDescent="0.4">
      <c r="A27" s="21">
        <f t="shared" si="0"/>
        <v>23</v>
      </c>
      <c r="B27" s="22" t="s">
        <v>39</v>
      </c>
      <c r="C27" s="23" t="s">
        <v>7</v>
      </c>
      <c r="D27" s="24" t="s">
        <v>44</v>
      </c>
      <c r="E27" s="25" t="s">
        <v>342</v>
      </c>
      <c r="F27" s="24" t="s">
        <v>45</v>
      </c>
    </row>
    <row r="28" spans="1:6" s="26" customFormat="1" ht="18" hidden="1" customHeight="1" x14ac:dyDescent="0.4">
      <c r="A28" s="21">
        <f t="shared" si="0"/>
        <v>24</v>
      </c>
      <c r="B28" s="22" t="s">
        <v>39</v>
      </c>
      <c r="C28" s="23" t="s">
        <v>7</v>
      </c>
      <c r="D28" s="24" t="s">
        <v>46</v>
      </c>
      <c r="E28" s="25" t="s">
        <v>343</v>
      </c>
      <c r="F28" s="24"/>
    </row>
    <row r="29" spans="1:6" ht="18" hidden="1" customHeight="1" x14ac:dyDescent="0.4">
      <c r="A29" s="21">
        <f t="shared" si="0"/>
        <v>25</v>
      </c>
      <c r="B29" s="22" t="s">
        <v>47</v>
      </c>
      <c r="C29" s="23" t="s">
        <v>7</v>
      </c>
      <c r="D29" s="24" t="s">
        <v>48</v>
      </c>
      <c r="E29" s="25" t="s">
        <v>344</v>
      </c>
      <c r="F29" s="24" t="s">
        <v>49</v>
      </c>
    </row>
    <row r="30" spans="1:6" ht="18" hidden="1" customHeight="1" x14ac:dyDescent="0.4">
      <c r="A30" s="21">
        <f t="shared" si="0"/>
        <v>26</v>
      </c>
      <c r="B30" s="22" t="s">
        <v>47</v>
      </c>
      <c r="C30" s="23" t="s">
        <v>7</v>
      </c>
      <c r="D30" s="24" t="s">
        <v>50</v>
      </c>
      <c r="E30" s="25" t="s">
        <v>345</v>
      </c>
      <c r="F30" s="24" t="s">
        <v>51</v>
      </c>
    </row>
    <row r="31" spans="1:6" ht="18" hidden="1" customHeight="1" x14ac:dyDescent="0.4">
      <c r="A31" s="21">
        <f t="shared" si="0"/>
        <v>27</v>
      </c>
      <c r="B31" s="22" t="s">
        <v>47</v>
      </c>
      <c r="C31" s="23" t="s">
        <v>7</v>
      </c>
      <c r="D31" s="24" t="s">
        <v>52</v>
      </c>
      <c r="E31" s="27" t="s">
        <v>346</v>
      </c>
      <c r="F31" s="24"/>
    </row>
    <row r="32" spans="1:6" s="26" customFormat="1" ht="18" hidden="1" customHeight="1" x14ac:dyDescent="0.4">
      <c r="A32" s="21">
        <f t="shared" si="0"/>
        <v>28</v>
      </c>
      <c r="B32" s="22" t="s">
        <v>47</v>
      </c>
      <c r="C32" s="23" t="s">
        <v>7</v>
      </c>
      <c r="D32" s="24" t="s">
        <v>53</v>
      </c>
      <c r="E32" s="25" t="s">
        <v>344</v>
      </c>
      <c r="F32" s="24" t="s">
        <v>54</v>
      </c>
    </row>
    <row r="33" spans="1:6" s="26" customFormat="1" ht="18" hidden="1" customHeight="1" x14ac:dyDescent="0.4">
      <c r="A33" s="21">
        <f t="shared" si="0"/>
        <v>29</v>
      </c>
      <c r="B33" s="22" t="s">
        <v>47</v>
      </c>
      <c r="C33" s="23" t="s">
        <v>7</v>
      </c>
      <c r="D33" s="24" t="s">
        <v>55</v>
      </c>
      <c r="E33" s="25" t="s">
        <v>347</v>
      </c>
      <c r="F33" s="24"/>
    </row>
    <row r="34" spans="1:6" s="26" customFormat="1" ht="18" hidden="1" customHeight="1" x14ac:dyDescent="0.4">
      <c r="A34" s="21">
        <f t="shared" si="0"/>
        <v>30</v>
      </c>
      <c r="B34" s="22" t="s">
        <v>56</v>
      </c>
      <c r="C34" s="23" t="s">
        <v>7</v>
      </c>
      <c r="D34" s="24" t="s">
        <v>57</v>
      </c>
      <c r="E34" s="25" t="s">
        <v>348</v>
      </c>
      <c r="F34" s="24"/>
    </row>
    <row r="35" spans="1:6" ht="18" hidden="1" customHeight="1" x14ac:dyDescent="0.4">
      <c r="A35" s="21">
        <f t="shared" si="0"/>
        <v>31</v>
      </c>
      <c r="B35" s="22" t="s">
        <v>56</v>
      </c>
      <c r="C35" s="23" t="s">
        <v>7</v>
      </c>
      <c r="D35" s="24" t="s">
        <v>58</v>
      </c>
      <c r="E35" s="25" t="s">
        <v>349</v>
      </c>
      <c r="F35" s="24"/>
    </row>
    <row r="36" spans="1:6" ht="18" hidden="1" customHeight="1" x14ac:dyDescent="0.4">
      <c r="A36" s="21">
        <f t="shared" si="0"/>
        <v>32</v>
      </c>
      <c r="B36" s="22" t="s">
        <v>56</v>
      </c>
      <c r="C36" s="23" t="s">
        <v>7</v>
      </c>
      <c r="D36" s="24" t="s">
        <v>59</v>
      </c>
      <c r="E36" s="25" t="s">
        <v>348</v>
      </c>
      <c r="F36" s="24"/>
    </row>
    <row r="37" spans="1:6" ht="18" hidden="1" customHeight="1" x14ac:dyDescent="0.4">
      <c r="A37" s="21">
        <f t="shared" si="0"/>
        <v>33</v>
      </c>
      <c r="B37" s="22" t="s">
        <v>60</v>
      </c>
      <c r="C37" s="23" t="s">
        <v>7</v>
      </c>
      <c r="D37" s="24" t="s">
        <v>61</v>
      </c>
      <c r="E37" s="25" t="s">
        <v>350</v>
      </c>
      <c r="F37" s="24"/>
    </row>
    <row r="38" spans="1:6" ht="18" hidden="1" customHeight="1" x14ac:dyDescent="0.4">
      <c r="A38" s="21">
        <f t="shared" si="0"/>
        <v>34</v>
      </c>
      <c r="B38" s="22" t="s">
        <v>60</v>
      </c>
      <c r="C38" s="23" t="s">
        <v>7</v>
      </c>
      <c r="D38" s="24" t="s">
        <v>62</v>
      </c>
      <c r="E38" s="25" t="s">
        <v>351</v>
      </c>
      <c r="F38" s="24" t="s">
        <v>63</v>
      </c>
    </row>
    <row r="39" spans="1:6" ht="18" hidden="1" customHeight="1" x14ac:dyDescent="0.4">
      <c r="A39" s="21">
        <f t="shared" si="0"/>
        <v>35</v>
      </c>
      <c r="B39" s="22" t="s">
        <v>60</v>
      </c>
      <c r="C39" s="23" t="s">
        <v>7</v>
      </c>
      <c r="D39" s="24" t="s">
        <v>64</v>
      </c>
      <c r="E39" s="25" t="s">
        <v>333</v>
      </c>
      <c r="F39" s="24"/>
    </row>
    <row r="40" spans="1:6" ht="18" hidden="1" customHeight="1" x14ac:dyDescent="0.4">
      <c r="A40" s="21">
        <f t="shared" si="0"/>
        <v>36</v>
      </c>
      <c r="B40" s="22" t="s">
        <v>60</v>
      </c>
      <c r="C40" s="23" t="s">
        <v>7</v>
      </c>
      <c r="D40" s="24" t="s">
        <v>65</v>
      </c>
      <c r="E40" s="25" t="s">
        <v>333</v>
      </c>
      <c r="F40" s="24"/>
    </row>
    <row r="41" spans="1:6" ht="18" hidden="1" customHeight="1" x14ac:dyDescent="0.4">
      <c r="A41" s="21">
        <f t="shared" si="0"/>
        <v>37</v>
      </c>
      <c r="B41" s="22" t="s">
        <v>66</v>
      </c>
      <c r="C41" s="23" t="s">
        <v>7</v>
      </c>
      <c r="D41" s="24" t="s">
        <v>67</v>
      </c>
      <c r="E41" s="25" t="s">
        <v>350</v>
      </c>
      <c r="F41" s="24" t="s">
        <v>68</v>
      </c>
    </row>
    <row r="42" spans="1:6" s="26" customFormat="1" ht="18" hidden="1" customHeight="1" x14ac:dyDescent="0.4">
      <c r="A42" s="21">
        <f t="shared" si="0"/>
        <v>38</v>
      </c>
      <c r="B42" s="22" t="s">
        <v>66</v>
      </c>
      <c r="C42" s="23" t="s">
        <v>7</v>
      </c>
      <c r="D42" s="24" t="s">
        <v>69</v>
      </c>
      <c r="E42" s="25" t="s">
        <v>342</v>
      </c>
      <c r="F42" s="36"/>
    </row>
    <row r="43" spans="1:6" ht="18" hidden="1" customHeight="1" x14ac:dyDescent="0.4">
      <c r="A43" s="21">
        <f t="shared" si="0"/>
        <v>39</v>
      </c>
      <c r="B43" s="22" t="s">
        <v>70</v>
      </c>
      <c r="C43" s="23" t="s">
        <v>7</v>
      </c>
      <c r="D43" s="24" t="s">
        <v>71</v>
      </c>
      <c r="E43" s="25" t="s">
        <v>352</v>
      </c>
      <c r="F43" s="24" t="s">
        <v>316</v>
      </c>
    </row>
    <row r="44" spans="1:6" ht="18" hidden="1" customHeight="1" x14ac:dyDescent="0.4">
      <c r="A44" s="21">
        <f t="shared" si="0"/>
        <v>40</v>
      </c>
      <c r="B44" s="22" t="s">
        <v>70</v>
      </c>
      <c r="C44" s="23" t="s">
        <v>7</v>
      </c>
      <c r="D44" s="24" t="s">
        <v>72</v>
      </c>
      <c r="E44" s="25" t="s">
        <v>353</v>
      </c>
      <c r="F44" s="24" t="s">
        <v>73</v>
      </c>
    </row>
    <row r="45" spans="1:6" ht="18" hidden="1" customHeight="1" x14ac:dyDescent="0.4">
      <c r="A45" s="21">
        <f t="shared" si="0"/>
        <v>41</v>
      </c>
      <c r="B45" s="22" t="s">
        <v>70</v>
      </c>
      <c r="C45" s="23" t="s">
        <v>7</v>
      </c>
      <c r="D45" s="24" t="s">
        <v>74</v>
      </c>
      <c r="E45" s="25" t="s">
        <v>352</v>
      </c>
      <c r="F45" s="24" t="s">
        <v>317</v>
      </c>
    </row>
    <row r="46" spans="1:6" ht="18" hidden="1" customHeight="1" x14ac:dyDescent="0.4">
      <c r="A46" s="21">
        <f t="shared" si="0"/>
        <v>42</v>
      </c>
      <c r="B46" s="22" t="s">
        <v>70</v>
      </c>
      <c r="C46" s="23" t="s">
        <v>7</v>
      </c>
      <c r="D46" s="24" t="s">
        <v>75</v>
      </c>
      <c r="E46" s="25" t="s">
        <v>352</v>
      </c>
      <c r="F46" s="24"/>
    </row>
    <row r="47" spans="1:6" ht="18" hidden="1" customHeight="1" x14ac:dyDescent="0.4">
      <c r="A47" s="21">
        <f t="shared" si="0"/>
        <v>43</v>
      </c>
      <c r="B47" s="22" t="s">
        <v>70</v>
      </c>
      <c r="C47" s="23" t="s">
        <v>7</v>
      </c>
      <c r="D47" s="24" t="s">
        <v>76</v>
      </c>
      <c r="E47" s="25" t="s">
        <v>352</v>
      </c>
      <c r="F47" s="24" t="s">
        <v>77</v>
      </c>
    </row>
    <row r="48" spans="1:6" s="26" customFormat="1" ht="18" hidden="1" customHeight="1" x14ac:dyDescent="0.4">
      <c r="A48" s="21">
        <f t="shared" si="0"/>
        <v>44</v>
      </c>
      <c r="B48" s="22" t="s">
        <v>70</v>
      </c>
      <c r="C48" s="23" t="s">
        <v>7</v>
      </c>
      <c r="D48" s="24" t="s">
        <v>78</v>
      </c>
      <c r="E48" s="25" t="s">
        <v>342</v>
      </c>
      <c r="F48" s="24" t="s">
        <v>79</v>
      </c>
    </row>
    <row r="49" spans="1:6" ht="18" hidden="1" customHeight="1" x14ac:dyDescent="0.4">
      <c r="A49" s="21">
        <f t="shared" si="0"/>
        <v>45</v>
      </c>
      <c r="B49" s="22" t="s">
        <v>80</v>
      </c>
      <c r="C49" s="23" t="s">
        <v>7</v>
      </c>
      <c r="D49" s="24" t="s">
        <v>81</v>
      </c>
      <c r="E49" s="25" t="s">
        <v>354</v>
      </c>
      <c r="F49" s="24"/>
    </row>
    <row r="50" spans="1:6" ht="18" hidden="1" customHeight="1" x14ac:dyDescent="0.4">
      <c r="A50" s="21">
        <f t="shared" si="0"/>
        <v>46</v>
      </c>
      <c r="B50" s="22" t="s">
        <v>80</v>
      </c>
      <c r="C50" s="23" t="s">
        <v>7</v>
      </c>
      <c r="D50" s="24" t="s">
        <v>82</v>
      </c>
      <c r="E50" s="25" t="s">
        <v>351</v>
      </c>
      <c r="F50" s="24" t="s">
        <v>83</v>
      </c>
    </row>
    <row r="51" spans="1:6" ht="18" hidden="1" customHeight="1" x14ac:dyDescent="0.4">
      <c r="A51" s="21">
        <f t="shared" si="0"/>
        <v>47</v>
      </c>
      <c r="B51" s="22" t="s">
        <v>84</v>
      </c>
      <c r="C51" s="23" t="s">
        <v>7</v>
      </c>
      <c r="D51" s="24" t="s">
        <v>85</v>
      </c>
      <c r="E51" s="25" t="s">
        <v>333</v>
      </c>
      <c r="F51" s="24" t="s">
        <v>86</v>
      </c>
    </row>
    <row r="52" spans="1:6" ht="18" hidden="1" customHeight="1" x14ac:dyDescent="0.4">
      <c r="A52" s="21">
        <f t="shared" si="0"/>
        <v>48</v>
      </c>
      <c r="B52" s="22" t="s">
        <v>84</v>
      </c>
      <c r="C52" s="23" t="s">
        <v>7</v>
      </c>
      <c r="D52" s="24" t="s">
        <v>87</v>
      </c>
      <c r="E52" s="25" t="s">
        <v>351</v>
      </c>
      <c r="F52" s="24" t="s">
        <v>88</v>
      </c>
    </row>
    <row r="53" spans="1:6" ht="18" hidden="1" customHeight="1" x14ac:dyDescent="0.4">
      <c r="A53" s="21">
        <f t="shared" si="0"/>
        <v>49</v>
      </c>
      <c r="B53" s="22" t="s">
        <v>84</v>
      </c>
      <c r="C53" s="23" t="s">
        <v>7</v>
      </c>
      <c r="D53" s="24" t="s">
        <v>89</v>
      </c>
      <c r="E53" s="25" t="s">
        <v>355</v>
      </c>
      <c r="F53" s="24" t="s">
        <v>90</v>
      </c>
    </row>
    <row r="54" spans="1:6" ht="18" hidden="1" customHeight="1" x14ac:dyDescent="0.4">
      <c r="A54" s="21">
        <f t="shared" si="0"/>
        <v>50</v>
      </c>
      <c r="B54" s="22" t="s">
        <v>91</v>
      </c>
      <c r="C54" s="23" t="s">
        <v>7</v>
      </c>
      <c r="D54" s="24" t="s">
        <v>92</v>
      </c>
      <c r="E54" s="25" t="s">
        <v>338</v>
      </c>
      <c r="F54" s="24"/>
    </row>
    <row r="55" spans="1:6" ht="18" hidden="1" customHeight="1" x14ac:dyDescent="0.4">
      <c r="A55" s="21">
        <f t="shared" si="0"/>
        <v>51</v>
      </c>
      <c r="B55" s="22" t="s">
        <v>91</v>
      </c>
      <c r="C55" s="23" t="s">
        <v>7</v>
      </c>
      <c r="D55" s="24" t="s">
        <v>93</v>
      </c>
      <c r="E55" s="25" t="s">
        <v>350</v>
      </c>
      <c r="F55" s="24"/>
    </row>
    <row r="56" spans="1:6" ht="18" hidden="1" customHeight="1" x14ac:dyDescent="0.4">
      <c r="A56" s="21">
        <f t="shared" si="0"/>
        <v>52</v>
      </c>
      <c r="B56" s="22" t="s">
        <v>91</v>
      </c>
      <c r="C56" s="23" t="s">
        <v>7</v>
      </c>
      <c r="D56" s="24" t="s">
        <v>94</v>
      </c>
      <c r="E56" s="25" t="s">
        <v>350</v>
      </c>
      <c r="F56" s="24" t="s">
        <v>332</v>
      </c>
    </row>
    <row r="57" spans="1:6" ht="18" hidden="1" customHeight="1" x14ac:dyDescent="0.4">
      <c r="A57" s="21">
        <f t="shared" si="0"/>
        <v>53</v>
      </c>
      <c r="B57" s="22" t="s">
        <v>91</v>
      </c>
      <c r="C57" s="23" t="s">
        <v>7</v>
      </c>
      <c r="D57" s="24" t="s">
        <v>95</v>
      </c>
      <c r="E57" s="25" t="s">
        <v>350</v>
      </c>
      <c r="F57" s="24" t="s">
        <v>315</v>
      </c>
    </row>
    <row r="58" spans="1:6" ht="18" hidden="1" customHeight="1" x14ac:dyDescent="0.4">
      <c r="A58" s="21">
        <f t="shared" si="0"/>
        <v>54</v>
      </c>
      <c r="B58" s="22" t="s">
        <v>96</v>
      </c>
      <c r="C58" s="23" t="s">
        <v>7</v>
      </c>
      <c r="D58" s="24" t="s">
        <v>97</v>
      </c>
      <c r="E58" s="25" t="s">
        <v>350</v>
      </c>
      <c r="F58" s="24" t="s">
        <v>98</v>
      </c>
    </row>
    <row r="59" spans="1:6" ht="18" hidden="1" customHeight="1" x14ac:dyDescent="0.4">
      <c r="A59" s="21">
        <f t="shared" si="0"/>
        <v>55</v>
      </c>
      <c r="B59" s="22" t="s">
        <v>99</v>
      </c>
      <c r="C59" s="23" t="s">
        <v>7</v>
      </c>
      <c r="D59" s="24" t="s">
        <v>100</v>
      </c>
      <c r="E59" s="25" t="s">
        <v>356</v>
      </c>
      <c r="F59" s="24"/>
    </row>
    <row r="60" spans="1:6" ht="18" hidden="1" customHeight="1" x14ac:dyDescent="0.4">
      <c r="A60" s="21">
        <f t="shared" si="0"/>
        <v>56</v>
      </c>
      <c r="B60" s="22" t="s">
        <v>101</v>
      </c>
      <c r="C60" s="23" t="s">
        <v>7</v>
      </c>
      <c r="D60" s="24" t="s">
        <v>102</v>
      </c>
      <c r="E60" s="25" t="s">
        <v>350</v>
      </c>
      <c r="F60" s="24" t="s">
        <v>103</v>
      </c>
    </row>
    <row r="61" spans="1:6" ht="18" hidden="1" customHeight="1" x14ac:dyDescent="0.4">
      <c r="A61" s="21">
        <f t="shared" si="0"/>
        <v>57</v>
      </c>
      <c r="B61" s="22" t="s">
        <v>101</v>
      </c>
      <c r="C61" s="23" t="s">
        <v>7</v>
      </c>
      <c r="D61" s="24" t="s">
        <v>104</v>
      </c>
      <c r="E61" s="25" t="s">
        <v>356</v>
      </c>
      <c r="F61" s="24"/>
    </row>
    <row r="62" spans="1:6" ht="18" hidden="1" customHeight="1" x14ac:dyDescent="0.4">
      <c r="A62" s="21">
        <f t="shared" si="0"/>
        <v>58</v>
      </c>
      <c r="B62" s="22" t="s">
        <v>105</v>
      </c>
      <c r="C62" s="23" t="s">
        <v>7</v>
      </c>
      <c r="D62" s="24" t="s">
        <v>106</v>
      </c>
      <c r="E62" s="25" t="s">
        <v>334</v>
      </c>
      <c r="F62" s="24"/>
    </row>
    <row r="63" spans="1:6" ht="18" hidden="1" customHeight="1" x14ac:dyDescent="0.4">
      <c r="A63" s="21">
        <f t="shared" si="0"/>
        <v>59</v>
      </c>
      <c r="B63" s="22" t="s">
        <v>105</v>
      </c>
      <c r="C63" s="23" t="s">
        <v>7</v>
      </c>
      <c r="D63" s="24" t="s">
        <v>107</v>
      </c>
      <c r="E63" s="25" t="s">
        <v>339</v>
      </c>
      <c r="F63" s="24"/>
    </row>
    <row r="64" spans="1:6" ht="18" hidden="1" customHeight="1" x14ac:dyDescent="0.4">
      <c r="A64" s="21">
        <f t="shared" si="0"/>
        <v>60</v>
      </c>
      <c r="B64" s="22" t="s">
        <v>105</v>
      </c>
      <c r="C64" s="23" t="s">
        <v>7</v>
      </c>
      <c r="D64" s="24" t="s">
        <v>108</v>
      </c>
      <c r="E64" s="25" t="s">
        <v>335</v>
      </c>
      <c r="F64" s="24"/>
    </row>
    <row r="65" spans="1:6" ht="18" hidden="1" customHeight="1" x14ac:dyDescent="0.4">
      <c r="A65" s="21">
        <f t="shared" si="0"/>
        <v>61</v>
      </c>
      <c r="B65" s="22" t="s">
        <v>109</v>
      </c>
      <c r="C65" s="23" t="s">
        <v>7</v>
      </c>
      <c r="D65" s="24" t="s">
        <v>110</v>
      </c>
      <c r="E65" s="25" t="s">
        <v>335</v>
      </c>
      <c r="F65" s="24" t="s">
        <v>111</v>
      </c>
    </row>
    <row r="66" spans="1:6" ht="18" hidden="1" customHeight="1" x14ac:dyDescent="0.4">
      <c r="A66" s="21">
        <f t="shared" si="0"/>
        <v>62</v>
      </c>
      <c r="B66" s="22" t="s">
        <v>109</v>
      </c>
      <c r="C66" s="23" t="s">
        <v>7</v>
      </c>
      <c r="D66" s="24" t="s">
        <v>112</v>
      </c>
      <c r="E66" s="25" t="s">
        <v>339</v>
      </c>
      <c r="F66" s="24" t="s">
        <v>113</v>
      </c>
    </row>
    <row r="67" spans="1:6" ht="18" hidden="1" customHeight="1" x14ac:dyDescent="0.4">
      <c r="A67" s="21">
        <f t="shared" si="0"/>
        <v>63</v>
      </c>
      <c r="B67" s="22" t="s">
        <v>109</v>
      </c>
      <c r="C67" s="23" t="s">
        <v>7</v>
      </c>
      <c r="D67" s="24" t="s">
        <v>114</v>
      </c>
      <c r="E67" s="25" t="s">
        <v>351</v>
      </c>
      <c r="F67" s="24" t="s">
        <v>115</v>
      </c>
    </row>
    <row r="68" spans="1:6" ht="18" hidden="1" customHeight="1" x14ac:dyDescent="0.4">
      <c r="A68" s="21">
        <f t="shared" si="0"/>
        <v>64</v>
      </c>
      <c r="B68" s="22" t="s">
        <v>116</v>
      </c>
      <c r="C68" s="23" t="s">
        <v>7</v>
      </c>
      <c r="D68" s="24" t="s">
        <v>117</v>
      </c>
      <c r="E68" s="25" t="s">
        <v>357</v>
      </c>
      <c r="F68" s="24" t="s">
        <v>118</v>
      </c>
    </row>
    <row r="69" spans="1:6" ht="18" hidden="1" customHeight="1" x14ac:dyDescent="0.4">
      <c r="A69" s="21">
        <f t="shared" si="0"/>
        <v>65</v>
      </c>
      <c r="B69" s="22" t="s">
        <v>116</v>
      </c>
      <c r="C69" s="23" t="s">
        <v>7</v>
      </c>
      <c r="D69" s="24" t="s">
        <v>119</v>
      </c>
      <c r="E69" s="25" t="s">
        <v>351</v>
      </c>
      <c r="F69" s="24"/>
    </row>
    <row r="70" spans="1:6" ht="18" hidden="1" customHeight="1" x14ac:dyDescent="0.4">
      <c r="A70" s="21">
        <f t="shared" si="0"/>
        <v>66</v>
      </c>
      <c r="B70" s="22" t="s">
        <v>116</v>
      </c>
      <c r="C70" s="23" t="s">
        <v>7</v>
      </c>
      <c r="D70" s="24" t="s">
        <v>120</v>
      </c>
      <c r="E70" s="25" t="s">
        <v>351</v>
      </c>
      <c r="F70" s="24"/>
    </row>
    <row r="71" spans="1:6" ht="18" hidden="1" customHeight="1" x14ac:dyDescent="0.4">
      <c r="A71" s="21">
        <f t="shared" si="0"/>
        <v>67</v>
      </c>
      <c r="B71" s="22" t="s">
        <v>116</v>
      </c>
      <c r="C71" s="23" t="s">
        <v>7</v>
      </c>
      <c r="D71" s="24" t="s">
        <v>121</v>
      </c>
      <c r="E71" s="25" t="s">
        <v>351</v>
      </c>
      <c r="F71" s="24" t="s">
        <v>122</v>
      </c>
    </row>
    <row r="72" spans="1:6" ht="18" hidden="1" customHeight="1" x14ac:dyDescent="0.4">
      <c r="A72" s="21">
        <f t="shared" si="0"/>
        <v>68</v>
      </c>
      <c r="B72" s="22" t="s">
        <v>116</v>
      </c>
      <c r="C72" s="23" t="s">
        <v>7</v>
      </c>
      <c r="D72" s="24" t="s">
        <v>123</v>
      </c>
      <c r="E72" s="25" t="s">
        <v>333</v>
      </c>
      <c r="F72" s="24"/>
    </row>
    <row r="73" spans="1:6" ht="18" hidden="1" customHeight="1" x14ac:dyDescent="0.4">
      <c r="A73" s="21">
        <f t="shared" si="0"/>
        <v>69</v>
      </c>
      <c r="B73" s="22" t="s">
        <v>116</v>
      </c>
      <c r="C73" s="23" t="s">
        <v>7</v>
      </c>
      <c r="D73" s="24" t="s">
        <v>124</v>
      </c>
      <c r="E73" s="25" t="s">
        <v>333</v>
      </c>
      <c r="F73" s="24"/>
    </row>
    <row r="74" spans="1:6" ht="18" hidden="1" customHeight="1" x14ac:dyDescent="0.4">
      <c r="A74" s="21">
        <f t="shared" si="0"/>
        <v>70</v>
      </c>
      <c r="B74" s="22" t="s">
        <v>125</v>
      </c>
      <c r="C74" s="23" t="s">
        <v>7</v>
      </c>
      <c r="D74" s="24" t="s">
        <v>126</v>
      </c>
      <c r="E74" s="25" t="s">
        <v>333</v>
      </c>
      <c r="F74" s="24"/>
    </row>
    <row r="75" spans="1:6" ht="18" hidden="1" customHeight="1" x14ac:dyDescent="0.4">
      <c r="A75" s="21">
        <f t="shared" si="0"/>
        <v>71</v>
      </c>
      <c r="B75" s="22" t="s">
        <v>125</v>
      </c>
      <c r="C75" s="23" t="s">
        <v>7</v>
      </c>
      <c r="D75" s="24" t="s">
        <v>127</v>
      </c>
      <c r="E75" s="25" t="s">
        <v>333</v>
      </c>
      <c r="F75" s="24" t="s">
        <v>326</v>
      </c>
    </row>
    <row r="76" spans="1:6" ht="18" hidden="1" customHeight="1" x14ac:dyDescent="0.4">
      <c r="A76" s="21">
        <f t="shared" si="0"/>
        <v>72</v>
      </c>
      <c r="B76" s="22" t="s">
        <v>125</v>
      </c>
      <c r="C76" s="23" t="s">
        <v>7</v>
      </c>
      <c r="D76" s="24" t="s">
        <v>128</v>
      </c>
      <c r="E76" s="25" t="s">
        <v>333</v>
      </c>
      <c r="F76" s="24" t="s">
        <v>320</v>
      </c>
    </row>
    <row r="77" spans="1:6" ht="18" hidden="1" customHeight="1" x14ac:dyDescent="0.4">
      <c r="A77" s="21">
        <f t="shared" si="0"/>
        <v>73</v>
      </c>
      <c r="B77" s="22" t="s">
        <v>125</v>
      </c>
      <c r="C77" s="23" t="s">
        <v>7</v>
      </c>
      <c r="D77" s="24" t="s">
        <v>129</v>
      </c>
      <c r="E77" s="25" t="s">
        <v>351</v>
      </c>
      <c r="F77" s="24" t="s">
        <v>130</v>
      </c>
    </row>
    <row r="78" spans="1:6" s="26" customFormat="1" ht="18" hidden="1" customHeight="1" x14ac:dyDescent="0.4">
      <c r="A78" s="21">
        <f t="shared" si="0"/>
        <v>74</v>
      </c>
      <c r="B78" s="22" t="s">
        <v>131</v>
      </c>
      <c r="C78" s="23" t="s">
        <v>7</v>
      </c>
      <c r="D78" s="24" t="s">
        <v>132</v>
      </c>
      <c r="E78" s="25" t="s">
        <v>338</v>
      </c>
      <c r="F78" s="24" t="s">
        <v>133</v>
      </c>
    </row>
    <row r="79" spans="1:6" ht="18" hidden="1" customHeight="1" x14ac:dyDescent="0.4">
      <c r="A79" s="21">
        <f t="shared" ref="A79:A145" si="1">ROW()-4</f>
        <v>75</v>
      </c>
      <c r="B79" s="22" t="s">
        <v>131</v>
      </c>
      <c r="C79" s="23" t="s">
        <v>7</v>
      </c>
      <c r="D79" s="24" t="s">
        <v>134</v>
      </c>
      <c r="E79" s="25" t="s">
        <v>358</v>
      </c>
      <c r="F79" s="24"/>
    </row>
    <row r="80" spans="1:6" ht="18" hidden="1" customHeight="1" x14ac:dyDescent="0.4">
      <c r="A80" s="21">
        <f t="shared" si="1"/>
        <v>76</v>
      </c>
      <c r="B80" s="22" t="s">
        <v>131</v>
      </c>
      <c r="C80" s="23" t="s">
        <v>7</v>
      </c>
      <c r="D80" s="24" t="s">
        <v>135</v>
      </c>
      <c r="E80" s="25" t="s">
        <v>338</v>
      </c>
      <c r="F80" s="24"/>
    </row>
    <row r="81" spans="1:6" ht="18" hidden="1" customHeight="1" x14ac:dyDescent="0.4">
      <c r="A81" s="21">
        <f t="shared" si="1"/>
        <v>77</v>
      </c>
      <c r="B81" s="22" t="s">
        <v>131</v>
      </c>
      <c r="C81" s="23" t="s">
        <v>7</v>
      </c>
      <c r="D81" s="24" t="s">
        <v>136</v>
      </c>
      <c r="E81" s="25" t="s">
        <v>337</v>
      </c>
      <c r="F81" s="24" t="s">
        <v>137</v>
      </c>
    </row>
    <row r="82" spans="1:6" ht="18" hidden="1" customHeight="1" x14ac:dyDescent="0.4">
      <c r="A82" s="21">
        <f t="shared" si="1"/>
        <v>78</v>
      </c>
      <c r="B82" s="22" t="s">
        <v>131</v>
      </c>
      <c r="C82" s="23" t="s">
        <v>7</v>
      </c>
      <c r="D82" s="24" t="s">
        <v>138</v>
      </c>
      <c r="E82" s="25" t="s">
        <v>337</v>
      </c>
      <c r="F82" s="24"/>
    </row>
    <row r="83" spans="1:6" ht="18" hidden="1" customHeight="1" x14ac:dyDescent="0.4">
      <c r="A83" s="21">
        <f t="shared" si="1"/>
        <v>79</v>
      </c>
      <c r="B83" s="22" t="s">
        <v>139</v>
      </c>
      <c r="C83" s="23" t="s">
        <v>7</v>
      </c>
      <c r="D83" s="24" t="s">
        <v>140</v>
      </c>
      <c r="E83" s="25" t="s">
        <v>333</v>
      </c>
      <c r="F83" s="24" t="s">
        <v>321</v>
      </c>
    </row>
    <row r="84" spans="1:6" ht="18" hidden="1" customHeight="1" x14ac:dyDescent="0.4">
      <c r="A84" s="21">
        <f t="shared" si="1"/>
        <v>80</v>
      </c>
      <c r="B84" s="22" t="s">
        <v>139</v>
      </c>
      <c r="C84" s="23" t="s">
        <v>7</v>
      </c>
      <c r="D84" s="24" t="s">
        <v>141</v>
      </c>
      <c r="E84" s="25" t="s">
        <v>333</v>
      </c>
      <c r="F84" s="24" t="s">
        <v>327</v>
      </c>
    </row>
    <row r="85" spans="1:6" ht="18" hidden="1" customHeight="1" x14ac:dyDescent="0.4">
      <c r="A85" s="21">
        <f t="shared" si="1"/>
        <v>81</v>
      </c>
      <c r="B85" s="22" t="s">
        <v>139</v>
      </c>
      <c r="C85" s="23" t="s">
        <v>7</v>
      </c>
      <c r="D85" s="24" t="s">
        <v>142</v>
      </c>
      <c r="E85" s="25" t="s">
        <v>358</v>
      </c>
      <c r="F85" s="24"/>
    </row>
    <row r="86" spans="1:6" ht="18" hidden="1" customHeight="1" x14ac:dyDescent="0.4">
      <c r="A86" s="21">
        <f t="shared" si="1"/>
        <v>82</v>
      </c>
      <c r="B86" s="22" t="s">
        <v>139</v>
      </c>
      <c r="C86" s="23" t="s">
        <v>7</v>
      </c>
      <c r="D86" s="24" t="s">
        <v>143</v>
      </c>
      <c r="E86" s="25" t="s">
        <v>358</v>
      </c>
      <c r="F86" s="24" t="s">
        <v>366</v>
      </c>
    </row>
    <row r="87" spans="1:6" ht="18" hidden="1" customHeight="1" x14ac:dyDescent="0.4">
      <c r="A87" s="21">
        <f t="shared" si="1"/>
        <v>83</v>
      </c>
      <c r="B87" s="22" t="s">
        <v>139</v>
      </c>
      <c r="C87" s="23" t="s">
        <v>7</v>
      </c>
      <c r="D87" s="24" t="s">
        <v>144</v>
      </c>
      <c r="E87" s="25" t="s">
        <v>359</v>
      </c>
      <c r="F87" s="24"/>
    </row>
    <row r="88" spans="1:6" ht="18" hidden="1" customHeight="1" x14ac:dyDescent="0.4">
      <c r="A88" s="21">
        <f t="shared" si="1"/>
        <v>84</v>
      </c>
      <c r="B88" s="22" t="s">
        <v>139</v>
      </c>
      <c r="C88" s="23" t="s">
        <v>7</v>
      </c>
      <c r="D88" s="24" t="s">
        <v>145</v>
      </c>
      <c r="E88" s="25" t="s">
        <v>359</v>
      </c>
      <c r="F88" s="24"/>
    </row>
    <row r="89" spans="1:6" s="26" customFormat="1" ht="18" hidden="1" customHeight="1" x14ac:dyDescent="0.4">
      <c r="A89" s="21">
        <f t="shared" si="1"/>
        <v>85</v>
      </c>
      <c r="B89" s="22" t="s">
        <v>139</v>
      </c>
      <c r="C89" s="23" t="s">
        <v>7</v>
      </c>
      <c r="D89" s="24" t="s">
        <v>146</v>
      </c>
      <c r="E89" s="25" t="s">
        <v>343</v>
      </c>
      <c r="F89" s="24"/>
    </row>
    <row r="90" spans="1:6" s="26" customFormat="1" ht="18" hidden="1" customHeight="1" x14ac:dyDescent="0.4">
      <c r="A90" s="21">
        <f t="shared" si="1"/>
        <v>86</v>
      </c>
      <c r="B90" s="22" t="s">
        <v>139</v>
      </c>
      <c r="C90" s="23" t="s">
        <v>7</v>
      </c>
      <c r="D90" s="24" t="s">
        <v>147</v>
      </c>
      <c r="E90" s="25" t="s">
        <v>359</v>
      </c>
      <c r="F90" s="24"/>
    </row>
    <row r="91" spans="1:6" s="26" customFormat="1" ht="18" hidden="1" customHeight="1" x14ac:dyDescent="0.4">
      <c r="A91" s="21">
        <f t="shared" si="1"/>
        <v>87</v>
      </c>
      <c r="B91" s="22" t="s">
        <v>367</v>
      </c>
      <c r="C91" s="23" t="s">
        <v>368</v>
      </c>
      <c r="D91" s="24" t="s">
        <v>369</v>
      </c>
      <c r="E91" s="25" t="s">
        <v>371</v>
      </c>
      <c r="F91" s="24" t="s">
        <v>372</v>
      </c>
    </row>
    <row r="92" spans="1:6" s="26" customFormat="1" ht="18" hidden="1" customHeight="1" x14ac:dyDescent="0.4">
      <c r="A92" s="21">
        <f t="shared" si="1"/>
        <v>88</v>
      </c>
      <c r="B92" s="22" t="s">
        <v>312</v>
      </c>
      <c r="C92" s="23" t="s">
        <v>368</v>
      </c>
      <c r="D92" s="24" t="s">
        <v>370</v>
      </c>
      <c r="E92" s="25" t="s">
        <v>371</v>
      </c>
      <c r="F92" s="24"/>
    </row>
    <row r="93" spans="1:6" ht="18" hidden="1" customHeight="1" x14ac:dyDescent="0.4">
      <c r="A93" s="21">
        <f t="shared" si="1"/>
        <v>89</v>
      </c>
      <c r="B93" s="22" t="s">
        <v>148</v>
      </c>
      <c r="C93" s="23" t="s">
        <v>7</v>
      </c>
      <c r="D93" s="24" t="s">
        <v>149</v>
      </c>
      <c r="E93" s="25" t="s">
        <v>360</v>
      </c>
      <c r="F93" s="24" t="s">
        <v>322</v>
      </c>
    </row>
    <row r="94" spans="1:6" ht="18" hidden="1" customHeight="1" x14ac:dyDescent="0.4">
      <c r="A94" s="21">
        <f t="shared" si="1"/>
        <v>90</v>
      </c>
      <c r="B94" s="22" t="s">
        <v>148</v>
      </c>
      <c r="C94" s="23" t="s">
        <v>7</v>
      </c>
      <c r="D94" s="24" t="s">
        <v>150</v>
      </c>
      <c r="E94" s="25" t="s">
        <v>360</v>
      </c>
      <c r="F94" s="24" t="s">
        <v>328</v>
      </c>
    </row>
    <row r="95" spans="1:6" ht="18" hidden="1" customHeight="1" x14ac:dyDescent="0.4">
      <c r="A95" s="21">
        <f t="shared" si="1"/>
        <v>91</v>
      </c>
      <c r="B95" s="22" t="s">
        <v>148</v>
      </c>
      <c r="C95" s="23" t="s">
        <v>7</v>
      </c>
      <c r="D95" s="24" t="s">
        <v>151</v>
      </c>
      <c r="E95" s="25" t="s">
        <v>360</v>
      </c>
      <c r="F95" s="24"/>
    </row>
    <row r="96" spans="1:6" ht="18" hidden="1" customHeight="1" x14ac:dyDescent="0.4">
      <c r="A96" s="21">
        <f t="shared" si="1"/>
        <v>92</v>
      </c>
      <c r="B96" s="22" t="s">
        <v>152</v>
      </c>
      <c r="C96" s="23" t="s">
        <v>7</v>
      </c>
      <c r="D96" s="24" t="s">
        <v>153</v>
      </c>
      <c r="E96" s="25" t="s">
        <v>360</v>
      </c>
      <c r="F96" s="24" t="s">
        <v>154</v>
      </c>
    </row>
    <row r="97" spans="1:6" s="26" customFormat="1" ht="18" hidden="1" customHeight="1" x14ac:dyDescent="0.4">
      <c r="A97" s="21">
        <f t="shared" si="1"/>
        <v>93</v>
      </c>
      <c r="B97" s="22" t="s">
        <v>152</v>
      </c>
      <c r="C97" s="23" t="s">
        <v>7</v>
      </c>
      <c r="D97" s="24" t="s">
        <v>155</v>
      </c>
      <c r="E97" s="25" t="s">
        <v>360</v>
      </c>
      <c r="F97" s="24" t="s">
        <v>156</v>
      </c>
    </row>
    <row r="98" spans="1:6" ht="18" hidden="1" customHeight="1" x14ac:dyDescent="0.4">
      <c r="A98" s="21">
        <f t="shared" si="1"/>
        <v>94</v>
      </c>
      <c r="B98" s="22" t="s">
        <v>157</v>
      </c>
      <c r="C98" s="23" t="s">
        <v>7</v>
      </c>
      <c r="D98" s="24" t="s">
        <v>158</v>
      </c>
      <c r="E98" s="25" t="s">
        <v>341</v>
      </c>
      <c r="F98" s="24" t="s">
        <v>159</v>
      </c>
    </row>
    <row r="99" spans="1:6" ht="18" hidden="1" customHeight="1" x14ac:dyDescent="0.4">
      <c r="A99" s="21">
        <f t="shared" si="1"/>
        <v>95</v>
      </c>
      <c r="B99" s="22" t="s">
        <v>157</v>
      </c>
      <c r="C99" s="23" t="s">
        <v>7</v>
      </c>
      <c r="D99" s="24" t="s">
        <v>160</v>
      </c>
      <c r="E99" s="25" t="s">
        <v>345</v>
      </c>
      <c r="F99" s="24"/>
    </row>
    <row r="100" spans="1:6" ht="18" hidden="1" customHeight="1" x14ac:dyDescent="0.4">
      <c r="A100" s="21">
        <f t="shared" si="1"/>
        <v>96</v>
      </c>
      <c r="B100" s="22" t="s">
        <v>157</v>
      </c>
      <c r="C100" s="23" t="s">
        <v>7</v>
      </c>
      <c r="D100" s="24" t="s">
        <v>161</v>
      </c>
      <c r="E100" s="25" t="s">
        <v>345</v>
      </c>
      <c r="F100" s="24"/>
    </row>
    <row r="101" spans="1:6" ht="18" hidden="1" customHeight="1" x14ac:dyDescent="0.4">
      <c r="A101" s="21">
        <f t="shared" si="1"/>
        <v>97</v>
      </c>
      <c r="B101" s="22" t="s">
        <v>157</v>
      </c>
      <c r="C101" s="23" t="s">
        <v>7</v>
      </c>
      <c r="D101" s="24" t="s">
        <v>162</v>
      </c>
      <c r="E101" s="25" t="s">
        <v>345</v>
      </c>
      <c r="F101" s="24" t="s">
        <v>163</v>
      </c>
    </row>
    <row r="102" spans="1:6" s="26" customFormat="1" ht="18" hidden="1" customHeight="1" x14ac:dyDescent="0.4">
      <c r="A102" s="21">
        <f t="shared" si="1"/>
        <v>98</v>
      </c>
      <c r="B102" s="22" t="s">
        <v>157</v>
      </c>
      <c r="C102" s="23" t="s">
        <v>7</v>
      </c>
      <c r="D102" s="24" t="s">
        <v>164</v>
      </c>
      <c r="E102" s="25" t="s">
        <v>360</v>
      </c>
      <c r="F102" s="24" t="s">
        <v>165</v>
      </c>
    </row>
    <row r="103" spans="1:6" s="26" customFormat="1" ht="18" hidden="1" customHeight="1" x14ac:dyDescent="0.4">
      <c r="A103" s="21">
        <f t="shared" si="1"/>
        <v>99</v>
      </c>
      <c r="B103" s="22" t="s">
        <v>157</v>
      </c>
      <c r="C103" s="23" t="s">
        <v>7</v>
      </c>
      <c r="D103" s="24" t="s">
        <v>166</v>
      </c>
      <c r="E103" s="25" t="s">
        <v>343</v>
      </c>
      <c r="F103" s="24" t="s">
        <v>167</v>
      </c>
    </row>
    <row r="104" spans="1:6" s="26" customFormat="1" ht="18" hidden="1" customHeight="1" x14ac:dyDescent="0.4">
      <c r="A104" s="21">
        <f t="shared" si="1"/>
        <v>100</v>
      </c>
      <c r="B104" s="22" t="s">
        <v>373</v>
      </c>
      <c r="C104" s="23" t="s">
        <v>368</v>
      </c>
      <c r="D104" s="24" t="s">
        <v>374</v>
      </c>
      <c r="E104" s="25" t="s">
        <v>376</v>
      </c>
      <c r="F104" s="24" t="s">
        <v>375</v>
      </c>
    </row>
    <row r="105" spans="1:6" ht="18" hidden="1" customHeight="1" x14ac:dyDescent="0.4">
      <c r="A105" s="21">
        <f t="shared" si="1"/>
        <v>101</v>
      </c>
      <c r="B105" s="22" t="s">
        <v>168</v>
      </c>
      <c r="C105" s="23" t="s">
        <v>7</v>
      </c>
      <c r="D105" s="24" t="s">
        <v>169</v>
      </c>
      <c r="E105" s="25" t="s">
        <v>359</v>
      </c>
      <c r="F105" s="24" t="s">
        <v>170</v>
      </c>
    </row>
    <row r="106" spans="1:6" ht="18" hidden="1" customHeight="1" x14ac:dyDescent="0.4">
      <c r="A106" s="21">
        <f t="shared" si="1"/>
        <v>102</v>
      </c>
      <c r="B106" s="22" t="s">
        <v>168</v>
      </c>
      <c r="C106" s="23" t="s">
        <v>7</v>
      </c>
      <c r="D106" s="24" t="s">
        <v>171</v>
      </c>
      <c r="E106" s="25" t="s">
        <v>355</v>
      </c>
      <c r="F106" s="24"/>
    </row>
    <row r="107" spans="1:6" ht="18" hidden="1" customHeight="1" x14ac:dyDescent="0.4">
      <c r="A107" s="21">
        <f t="shared" si="1"/>
        <v>103</v>
      </c>
      <c r="B107" s="22" t="s">
        <v>172</v>
      </c>
      <c r="C107" s="23" t="s">
        <v>7</v>
      </c>
      <c r="D107" s="24" t="s">
        <v>173</v>
      </c>
      <c r="E107" s="25" t="s">
        <v>333</v>
      </c>
      <c r="F107" s="24" t="s">
        <v>174</v>
      </c>
    </row>
    <row r="108" spans="1:6" ht="18" hidden="1" customHeight="1" x14ac:dyDescent="0.4">
      <c r="A108" s="21">
        <f t="shared" si="1"/>
        <v>104</v>
      </c>
      <c r="B108" s="22" t="s">
        <v>175</v>
      </c>
      <c r="C108" s="23" t="s">
        <v>7</v>
      </c>
      <c r="D108" s="24" t="s">
        <v>176</v>
      </c>
      <c r="E108" s="25" t="s">
        <v>361</v>
      </c>
      <c r="F108" s="24"/>
    </row>
    <row r="109" spans="1:6" ht="18" hidden="1" customHeight="1" x14ac:dyDescent="0.4">
      <c r="A109" s="21">
        <f t="shared" si="1"/>
        <v>105</v>
      </c>
      <c r="B109" s="22" t="s">
        <v>175</v>
      </c>
      <c r="C109" s="23" t="s">
        <v>7</v>
      </c>
      <c r="D109" s="24" t="s">
        <v>177</v>
      </c>
      <c r="E109" s="25" t="s">
        <v>358</v>
      </c>
      <c r="F109" s="24"/>
    </row>
    <row r="110" spans="1:6" ht="18" hidden="1" customHeight="1" x14ac:dyDescent="0.4">
      <c r="A110" s="21">
        <f t="shared" si="1"/>
        <v>106</v>
      </c>
      <c r="B110" s="22" t="s">
        <v>175</v>
      </c>
      <c r="C110" s="23" t="s">
        <v>7</v>
      </c>
      <c r="D110" s="24" t="s">
        <v>178</v>
      </c>
      <c r="E110" s="25" t="s">
        <v>361</v>
      </c>
      <c r="F110" s="24" t="s">
        <v>179</v>
      </c>
    </row>
    <row r="111" spans="1:6" ht="18" hidden="1" customHeight="1" x14ac:dyDescent="0.4">
      <c r="A111" s="21">
        <f t="shared" si="1"/>
        <v>107</v>
      </c>
      <c r="B111" s="22" t="s">
        <v>175</v>
      </c>
      <c r="C111" s="23" t="s">
        <v>7</v>
      </c>
      <c r="D111" s="24" t="s">
        <v>180</v>
      </c>
      <c r="E111" s="25" t="s">
        <v>351</v>
      </c>
      <c r="F111" s="24"/>
    </row>
    <row r="112" spans="1:6" ht="18" hidden="1" customHeight="1" x14ac:dyDescent="0.4">
      <c r="A112" s="21">
        <f t="shared" si="1"/>
        <v>108</v>
      </c>
      <c r="B112" s="22" t="s">
        <v>175</v>
      </c>
      <c r="C112" s="23" t="s">
        <v>7</v>
      </c>
      <c r="D112" s="24" t="s">
        <v>181</v>
      </c>
      <c r="E112" s="25" t="s">
        <v>358</v>
      </c>
      <c r="F112" s="24"/>
    </row>
    <row r="113" spans="1:6" ht="18" hidden="1" customHeight="1" x14ac:dyDescent="0.4">
      <c r="A113" s="21">
        <f t="shared" si="1"/>
        <v>109</v>
      </c>
      <c r="B113" s="22" t="s">
        <v>175</v>
      </c>
      <c r="C113" s="23" t="s">
        <v>7</v>
      </c>
      <c r="D113" s="24" t="s">
        <v>182</v>
      </c>
      <c r="E113" s="25" t="s">
        <v>358</v>
      </c>
      <c r="F113" s="24"/>
    </row>
    <row r="114" spans="1:6" ht="18" hidden="1" customHeight="1" x14ac:dyDescent="0.4">
      <c r="A114" s="21">
        <f t="shared" si="1"/>
        <v>110</v>
      </c>
      <c r="B114" s="22" t="s">
        <v>175</v>
      </c>
      <c r="C114" s="23" t="s">
        <v>7</v>
      </c>
      <c r="D114" s="24" t="s">
        <v>183</v>
      </c>
      <c r="E114" s="25" t="s">
        <v>358</v>
      </c>
      <c r="F114" s="24"/>
    </row>
    <row r="115" spans="1:6" ht="18" hidden="1" customHeight="1" x14ac:dyDescent="0.4">
      <c r="A115" s="21">
        <f t="shared" si="1"/>
        <v>111</v>
      </c>
      <c r="B115" s="22" t="s">
        <v>175</v>
      </c>
      <c r="C115" s="23" t="s">
        <v>7</v>
      </c>
      <c r="D115" s="24" t="s">
        <v>184</v>
      </c>
      <c r="E115" s="25" t="s">
        <v>351</v>
      </c>
      <c r="F115" s="24"/>
    </row>
    <row r="116" spans="1:6" ht="18" hidden="1" customHeight="1" x14ac:dyDescent="0.4">
      <c r="A116" s="21">
        <f t="shared" si="1"/>
        <v>112</v>
      </c>
      <c r="B116" s="22" t="s">
        <v>185</v>
      </c>
      <c r="C116" s="23" t="s">
        <v>7</v>
      </c>
      <c r="D116" s="24" t="s">
        <v>186</v>
      </c>
      <c r="E116" s="25" t="s">
        <v>343</v>
      </c>
      <c r="F116" s="24"/>
    </row>
    <row r="117" spans="1:6" ht="18" hidden="1" customHeight="1" x14ac:dyDescent="0.4">
      <c r="A117" s="21">
        <f t="shared" si="1"/>
        <v>113</v>
      </c>
      <c r="B117" s="22" t="s">
        <v>185</v>
      </c>
      <c r="C117" s="23" t="s">
        <v>7</v>
      </c>
      <c r="D117" s="24" t="s">
        <v>187</v>
      </c>
      <c r="E117" s="25" t="s">
        <v>348</v>
      </c>
      <c r="F117" s="24"/>
    </row>
    <row r="118" spans="1:6" ht="18" hidden="1" customHeight="1" x14ac:dyDescent="0.4">
      <c r="A118" s="21">
        <f t="shared" si="1"/>
        <v>114</v>
      </c>
      <c r="B118" s="22" t="s">
        <v>185</v>
      </c>
      <c r="C118" s="23" t="s">
        <v>7</v>
      </c>
      <c r="D118" s="24" t="s">
        <v>188</v>
      </c>
      <c r="E118" s="25" t="s">
        <v>351</v>
      </c>
      <c r="F118" s="24"/>
    </row>
    <row r="119" spans="1:6" ht="18" hidden="1" customHeight="1" x14ac:dyDescent="0.4">
      <c r="A119" s="21">
        <f t="shared" si="1"/>
        <v>115</v>
      </c>
      <c r="B119" s="22" t="s">
        <v>185</v>
      </c>
      <c r="C119" s="23" t="s">
        <v>7</v>
      </c>
      <c r="D119" s="24" t="s">
        <v>189</v>
      </c>
      <c r="E119" s="25" t="s">
        <v>361</v>
      </c>
      <c r="F119" s="24"/>
    </row>
    <row r="120" spans="1:6" ht="18" hidden="1" customHeight="1" x14ac:dyDescent="0.4">
      <c r="A120" s="21">
        <f t="shared" si="1"/>
        <v>116</v>
      </c>
      <c r="B120" s="22" t="s">
        <v>190</v>
      </c>
      <c r="C120" s="23" t="s">
        <v>7</v>
      </c>
      <c r="D120" s="24" t="s">
        <v>191</v>
      </c>
      <c r="E120" s="25" t="s">
        <v>361</v>
      </c>
      <c r="F120" s="24" t="s">
        <v>192</v>
      </c>
    </row>
    <row r="121" spans="1:6" ht="18" hidden="1" customHeight="1" x14ac:dyDescent="0.4">
      <c r="A121" s="21">
        <f t="shared" si="1"/>
        <v>117</v>
      </c>
      <c r="B121" s="22" t="s">
        <v>190</v>
      </c>
      <c r="C121" s="23" t="s">
        <v>7</v>
      </c>
      <c r="D121" s="24" t="s">
        <v>193</v>
      </c>
      <c r="E121" s="25" t="s">
        <v>333</v>
      </c>
      <c r="F121" s="24" t="s">
        <v>329</v>
      </c>
    </row>
    <row r="122" spans="1:6" ht="18" hidden="1" customHeight="1" x14ac:dyDescent="0.4">
      <c r="A122" s="21">
        <f t="shared" si="1"/>
        <v>118</v>
      </c>
      <c r="B122" s="22" t="s">
        <v>190</v>
      </c>
      <c r="C122" s="23" t="s">
        <v>7</v>
      </c>
      <c r="D122" s="24" t="s">
        <v>194</v>
      </c>
      <c r="E122" s="25" t="s">
        <v>333</v>
      </c>
      <c r="F122" s="24" t="s">
        <v>323</v>
      </c>
    </row>
    <row r="123" spans="1:6" ht="18" hidden="1" customHeight="1" x14ac:dyDescent="0.4">
      <c r="A123" s="21">
        <f t="shared" si="1"/>
        <v>119</v>
      </c>
      <c r="B123" s="22" t="s">
        <v>190</v>
      </c>
      <c r="C123" s="23" t="s">
        <v>7</v>
      </c>
      <c r="D123" s="24" t="s">
        <v>195</v>
      </c>
      <c r="E123" s="25" t="s">
        <v>347</v>
      </c>
      <c r="F123" s="24"/>
    </row>
    <row r="124" spans="1:6" ht="18" hidden="1" customHeight="1" x14ac:dyDescent="0.4">
      <c r="A124" s="21">
        <f t="shared" si="1"/>
        <v>120</v>
      </c>
      <c r="B124" s="22" t="s">
        <v>190</v>
      </c>
      <c r="C124" s="23" t="s">
        <v>7</v>
      </c>
      <c r="D124" s="24" t="s">
        <v>196</v>
      </c>
      <c r="E124" s="25" t="s">
        <v>348</v>
      </c>
      <c r="F124" s="24"/>
    </row>
    <row r="125" spans="1:6" ht="18" hidden="1" customHeight="1" x14ac:dyDescent="0.4">
      <c r="A125" s="21">
        <f t="shared" si="1"/>
        <v>121</v>
      </c>
      <c r="B125" s="22" t="s">
        <v>197</v>
      </c>
      <c r="C125" s="23" t="s">
        <v>7</v>
      </c>
      <c r="D125" s="24" t="s">
        <v>198</v>
      </c>
      <c r="E125" s="25" t="s">
        <v>352</v>
      </c>
      <c r="F125" s="24"/>
    </row>
    <row r="126" spans="1:6" ht="18" hidden="1" customHeight="1" x14ac:dyDescent="0.4">
      <c r="A126" s="21">
        <f t="shared" si="1"/>
        <v>122</v>
      </c>
      <c r="B126" s="22" t="s">
        <v>197</v>
      </c>
      <c r="C126" s="23" t="s">
        <v>7</v>
      </c>
      <c r="D126" s="24" t="s">
        <v>199</v>
      </c>
      <c r="E126" s="25" t="s">
        <v>351</v>
      </c>
      <c r="F126" s="24" t="s">
        <v>200</v>
      </c>
    </row>
    <row r="127" spans="1:6" ht="18" hidden="1" customHeight="1" x14ac:dyDescent="0.4">
      <c r="A127" s="21">
        <f t="shared" si="1"/>
        <v>123</v>
      </c>
      <c r="B127" s="22" t="s">
        <v>197</v>
      </c>
      <c r="C127" s="23" t="s">
        <v>7</v>
      </c>
      <c r="D127" s="24" t="s">
        <v>201</v>
      </c>
      <c r="E127" s="25" t="s">
        <v>362</v>
      </c>
      <c r="F127" s="24" t="s">
        <v>202</v>
      </c>
    </row>
    <row r="128" spans="1:6" ht="18" hidden="1" customHeight="1" x14ac:dyDescent="0.4">
      <c r="A128" s="21">
        <f t="shared" si="1"/>
        <v>124</v>
      </c>
      <c r="B128" s="22" t="s">
        <v>197</v>
      </c>
      <c r="C128" s="23" t="s">
        <v>7</v>
      </c>
      <c r="D128" s="24" t="s">
        <v>203</v>
      </c>
      <c r="E128" s="25" t="s">
        <v>362</v>
      </c>
      <c r="F128" s="24" t="s">
        <v>204</v>
      </c>
    </row>
    <row r="129" spans="1:6" ht="18" hidden="1" customHeight="1" x14ac:dyDescent="0.4">
      <c r="A129" s="21">
        <f t="shared" si="1"/>
        <v>125</v>
      </c>
      <c r="B129" s="22" t="s">
        <v>197</v>
      </c>
      <c r="C129" s="23" t="s">
        <v>7</v>
      </c>
      <c r="D129" s="24" t="s">
        <v>205</v>
      </c>
      <c r="E129" s="25" t="s">
        <v>342</v>
      </c>
      <c r="F129" s="24"/>
    </row>
    <row r="130" spans="1:6" ht="18" hidden="1" customHeight="1" x14ac:dyDescent="0.4">
      <c r="A130" s="21">
        <f t="shared" si="1"/>
        <v>126</v>
      </c>
      <c r="B130" s="22" t="s">
        <v>197</v>
      </c>
      <c r="C130" s="23" t="s">
        <v>7</v>
      </c>
      <c r="D130" s="24" t="s">
        <v>206</v>
      </c>
      <c r="E130" s="25" t="s">
        <v>342</v>
      </c>
      <c r="F130" s="24"/>
    </row>
    <row r="131" spans="1:6" s="26" customFormat="1" ht="18" hidden="1" customHeight="1" x14ac:dyDescent="0.4">
      <c r="A131" s="21">
        <f t="shared" si="1"/>
        <v>127</v>
      </c>
      <c r="B131" s="22" t="s">
        <v>197</v>
      </c>
      <c r="C131" s="23" t="s">
        <v>7</v>
      </c>
      <c r="D131" s="24" t="s">
        <v>207</v>
      </c>
      <c r="E131" s="25" t="s">
        <v>347</v>
      </c>
      <c r="F131" s="24"/>
    </row>
    <row r="132" spans="1:6" s="26" customFormat="1" ht="18" hidden="1" customHeight="1" x14ac:dyDescent="0.4">
      <c r="A132" s="21">
        <f t="shared" si="1"/>
        <v>128</v>
      </c>
      <c r="B132" s="22" t="s">
        <v>208</v>
      </c>
      <c r="C132" s="23" t="s">
        <v>7</v>
      </c>
      <c r="D132" s="24" t="s">
        <v>209</v>
      </c>
      <c r="E132" s="25" t="s">
        <v>362</v>
      </c>
      <c r="F132" s="24" t="s">
        <v>210</v>
      </c>
    </row>
    <row r="133" spans="1:6" s="26" customFormat="1" ht="18" hidden="1" customHeight="1" x14ac:dyDescent="0.4">
      <c r="A133" s="21">
        <f t="shared" si="1"/>
        <v>129</v>
      </c>
      <c r="B133" s="22" t="s">
        <v>208</v>
      </c>
      <c r="C133" s="23" t="s">
        <v>7</v>
      </c>
      <c r="D133" s="24" t="s">
        <v>211</v>
      </c>
      <c r="E133" s="25" t="s">
        <v>341</v>
      </c>
      <c r="F133" s="24"/>
    </row>
    <row r="134" spans="1:6" s="26" customFormat="1" ht="18" hidden="1" customHeight="1" x14ac:dyDescent="0.4">
      <c r="A134" s="21">
        <f t="shared" si="1"/>
        <v>130</v>
      </c>
      <c r="B134" s="22" t="s">
        <v>208</v>
      </c>
      <c r="C134" s="23" t="s">
        <v>7</v>
      </c>
      <c r="D134" s="24" t="s">
        <v>212</v>
      </c>
      <c r="E134" s="25" t="s">
        <v>351</v>
      </c>
      <c r="F134" s="24" t="s">
        <v>213</v>
      </c>
    </row>
    <row r="135" spans="1:6" s="26" customFormat="1" ht="18" hidden="1" customHeight="1" x14ac:dyDescent="0.4">
      <c r="A135" s="21">
        <f t="shared" si="1"/>
        <v>131</v>
      </c>
      <c r="B135" s="22" t="s">
        <v>208</v>
      </c>
      <c r="C135" s="23" t="s">
        <v>7</v>
      </c>
      <c r="D135" s="24" t="s">
        <v>214</v>
      </c>
      <c r="E135" s="25" t="s">
        <v>344</v>
      </c>
      <c r="F135" s="24" t="s">
        <v>215</v>
      </c>
    </row>
    <row r="136" spans="1:6" s="26" customFormat="1" ht="18" hidden="1" customHeight="1" x14ac:dyDescent="0.4">
      <c r="A136" s="21">
        <f t="shared" si="1"/>
        <v>132</v>
      </c>
      <c r="B136" s="22" t="s">
        <v>216</v>
      </c>
      <c r="C136" s="23" t="s">
        <v>7</v>
      </c>
      <c r="D136" s="24" t="s">
        <v>217</v>
      </c>
      <c r="E136" s="25" t="s">
        <v>344</v>
      </c>
      <c r="F136" s="24" t="s">
        <v>218</v>
      </c>
    </row>
    <row r="137" spans="1:6" s="26" customFormat="1" ht="18" hidden="1" customHeight="1" x14ac:dyDescent="0.4">
      <c r="A137" s="21">
        <f t="shared" si="1"/>
        <v>133</v>
      </c>
      <c r="B137" s="22" t="s">
        <v>216</v>
      </c>
      <c r="C137" s="23" t="s">
        <v>7</v>
      </c>
      <c r="D137" s="24" t="s">
        <v>219</v>
      </c>
      <c r="E137" s="25" t="s">
        <v>344</v>
      </c>
      <c r="F137" s="24" t="s">
        <v>220</v>
      </c>
    </row>
    <row r="138" spans="1:6" s="26" customFormat="1" ht="18" hidden="1" customHeight="1" x14ac:dyDescent="0.4">
      <c r="A138" s="21">
        <f t="shared" si="1"/>
        <v>134</v>
      </c>
      <c r="B138" s="22" t="s">
        <v>216</v>
      </c>
      <c r="C138" s="23" t="s">
        <v>7</v>
      </c>
      <c r="D138" s="24" t="s">
        <v>221</v>
      </c>
      <c r="E138" s="25" t="s">
        <v>339</v>
      </c>
      <c r="F138" s="24"/>
    </row>
    <row r="139" spans="1:6" s="26" customFormat="1" ht="18" hidden="1" customHeight="1" x14ac:dyDescent="0.4">
      <c r="A139" s="21">
        <f t="shared" si="1"/>
        <v>135</v>
      </c>
      <c r="B139" s="22" t="s">
        <v>216</v>
      </c>
      <c r="C139" s="23" t="s">
        <v>7</v>
      </c>
      <c r="D139" s="24" t="s">
        <v>222</v>
      </c>
      <c r="E139" s="25" t="s">
        <v>339</v>
      </c>
      <c r="F139" s="24" t="s">
        <v>223</v>
      </c>
    </row>
    <row r="140" spans="1:6" s="26" customFormat="1" ht="18" hidden="1" customHeight="1" x14ac:dyDescent="0.4">
      <c r="A140" s="21">
        <f t="shared" si="1"/>
        <v>136</v>
      </c>
      <c r="B140" s="22" t="s">
        <v>224</v>
      </c>
      <c r="C140" s="23" t="s">
        <v>7</v>
      </c>
      <c r="D140" s="24" t="s">
        <v>225</v>
      </c>
      <c r="E140" s="25" t="s">
        <v>342</v>
      </c>
      <c r="F140" s="24" t="s">
        <v>226</v>
      </c>
    </row>
    <row r="141" spans="1:6" s="26" customFormat="1" ht="18" hidden="1" customHeight="1" x14ac:dyDescent="0.4">
      <c r="A141" s="21">
        <f t="shared" si="1"/>
        <v>137</v>
      </c>
      <c r="B141" s="22" t="s">
        <v>224</v>
      </c>
      <c r="C141" s="23" t="s">
        <v>7</v>
      </c>
      <c r="D141" s="24" t="s">
        <v>227</v>
      </c>
      <c r="E141" s="25" t="s">
        <v>350</v>
      </c>
      <c r="F141" s="24" t="s">
        <v>228</v>
      </c>
    </row>
    <row r="142" spans="1:6" s="26" customFormat="1" ht="18" hidden="1" customHeight="1" x14ac:dyDescent="0.4">
      <c r="A142" s="21">
        <f t="shared" si="1"/>
        <v>138</v>
      </c>
      <c r="B142" s="22" t="s">
        <v>224</v>
      </c>
      <c r="C142" s="23" t="s">
        <v>7</v>
      </c>
      <c r="D142" s="24" t="s">
        <v>229</v>
      </c>
      <c r="E142" s="25" t="s">
        <v>350</v>
      </c>
      <c r="F142" s="24"/>
    </row>
    <row r="143" spans="1:6" s="26" customFormat="1" ht="18" hidden="1" customHeight="1" x14ac:dyDescent="0.4">
      <c r="A143" s="21">
        <f t="shared" si="1"/>
        <v>139</v>
      </c>
      <c r="B143" s="22" t="s">
        <v>224</v>
      </c>
      <c r="C143" s="23" t="s">
        <v>7</v>
      </c>
      <c r="D143" s="24" t="s">
        <v>230</v>
      </c>
      <c r="E143" s="25" t="s">
        <v>333</v>
      </c>
      <c r="F143" s="24"/>
    </row>
    <row r="144" spans="1:6" s="26" customFormat="1" ht="18" hidden="1" customHeight="1" x14ac:dyDescent="0.4">
      <c r="A144" s="21">
        <f t="shared" si="1"/>
        <v>140</v>
      </c>
      <c r="B144" s="22" t="s">
        <v>224</v>
      </c>
      <c r="C144" s="23" t="s">
        <v>7</v>
      </c>
      <c r="D144" s="24" t="s">
        <v>231</v>
      </c>
      <c r="E144" s="25" t="s">
        <v>363</v>
      </c>
      <c r="F144" s="24"/>
    </row>
    <row r="145" spans="1:6" s="26" customFormat="1" ht="18" hidden="1" customHeight="1" x14ac:dyDescent="0.4">
      <c r="A145" s="21">
        <f t="shared" si="1"/>
        <v>141</v>
      </c>
      <c r="B145" s="22" t="s">
        <v>232</v>
      </c>
      <c r="C145" s="23" t="s">
        <v>7</v>
      </c>
      <c r="D145" s="24" t="s">
        <v>233</v>
      </c>
      <c r="E145" s="25" t="s">
        <v>363</v>
      </c>
      <c r="F145" s="24" t="s">
        <v>234</v>
      </c>
    </row>
    <row r="146" spans="1:6" s="26" customFormat="1" ht="18" hidden="1" customHeight="1" x14ac:dyDescent="0.4">
      <c r="A146" s="21">
        <f t="shared" ref="A146:A192" si="2">ROW()-4</f>
        <v>142</v>
      </c>
      <c r="B146" s="22" t="s">
        <v>232</v>
      </c>
      <c r="C146" s="23" t="s">
        <v>7</v>
      </c>
      <c r="D146" s="24" t="s">
        <v>235</v>
      </c>
      <c r="E146" s="25" t="s">
        <v>333</v>
      </c>
      <c r="F146" s="24" t="s">
        <v>236</v>
      </c>
    </row>
    <row r="147" spans="1:6" s="26" customFormat="1" ht="18" hidden="1" customHeight="1" x14ac:dyDescent="0.4">
      <c r="A147" s="21">
        <f t="shared" si="2"/>
        <v>143</v>
      </c>
      <c r="B147" s="22" t="s">
        <v>237</v>
      </c>
      <c r="C147" s="23" t="s">
        <v>7</v>
      </c>
      <c r="D147" s="24" t="s">
        <v>238</v>
      </c>
      <c r="E147" s="25" t="s">
        <v>362</v>
      </c>
      <c r="F147" s="24"/>
    </row>
    <row r="148" spans="1:6" s="26" customFormat="1" ht="18" hidden="1" customHeight="1" x14ac:dyDescent="0.4">
      <c r="A148" s="21">
        <f t="shared" si="2"/>
        <v>144</v>
      </c>
      <c r="B148" s="22" t="s">
        <v>237</v>
      </c>
      <c r="C148" s="23" t="s">
        <v>7</v>
      </c>
      <c r="D148" s="24" t="s">
        <v>239</v>
      </c>
      <c r="E148" s="25" t="s">
        <v>362</v>
      </c>
      <c r="F148" s="24"/>
    </row>
    <row r="149" spans="1:6" s="26" customFormat="1" ht="18" hidden="1" customHeight="1" x14ac:dyDescent="0.4">
      <c r="A149" s="21">
        <f t="shared" si="2"/>
        <v>145</v>
      </c>
      <c r="B149" s="22" t="s">
        <v>237</v>
      </c>
      <c r="C149" s="23" t="s">
        <v>7</v>
      </c>
      <c r="D149" s="24" t="s">
        <v>240</v>
      </c>
      <c r="E149" s="25" t="s">
        <v>334</v>
      </c>
      <c r="F149" s="24"/>
    </row>
    <row r="150" spans="1:6" s="26" customFormat="1" ht="18" hidden="1" customHeight="1" x14ac:dyDescent="0.4">
      <c r="A150" s="21">
        <f t="shared" si="2"/>
        <v>146</v>
      </c>
      <c r="B150" s="22" t="s">
        <v>237</v>
      </c>
      <c r="C150" s="23" t="s">
        <v>7</v>
      </c>
      <c r="D150" s="24" t="s">
        <v>241</v>
      </c>
      <c r="E150" s="25" t="s">
        <v>333</v>
      </c>
      <c r="F150" s="24" t="s">
        <v>242</v>
      </c>
    </row>
    <row r="151" spans="1:6" s="26" customFormat="1" ht="18" hidden="1" customHeight="1" x14ac:dyDescent="0.4">
      <c r="A151" s="21">
        <f t="shared" si="2"/>
        <v>147</v>
      </c>
      <c r="B151" s="22" t="s">
        <v>237</v>
      </c>
      <c r="C151" s="23" t="s">
        <v>7</v>
      </c>
      <c r="D151" s="24" t="s">
        <v>243</v>
      </c>
      <c r="E151" s="25" t="s">
        <v>351</v>
      </c>
      <c r="F151" s="24"/>
    </row>
    <row r="152" spans="1:6" ht="18" hidden="1" customHeight="1" x14ac:dyDescent="0.4">
      <c r="A152" s="21">
        <f t="shared" si="2"/>
        <v>148</v>
      </c>
      <c r="B152" s="22" t="s">
        <v>237</v>
      </c>
      <c r="C152" s="23" t="s">
        <v>7</v>
      </c>
      <c r="D152" s="24" t="s">
        <v>244</v>
      </c>
      <c r="E152" s="25" t="s">
        <v>342</v>
      </c>
      <c r="F152" s="24" t="s">
        <v>324</v>
      </c>
    </row>
    <row r="153" spans="1:6" ht="18" hidden="1" customHeight="1" x14ac:dyDescent="0.4">
      <c r="A153" s="21">
        <f t="shared" si="2"/>
        <v>149</v>
      </c>
      <c r="B153" s="22" t="s">
        <v>237</v>
      </c>
      <c r="C153" s="23" t="s">
        <v>7</v>
      </c>
      <c r="D153" s="24" t="s">
        <v>245</v>
      </c>
      <c r="E153" s="25" t="s">
        <v>342</v>
      </c>
      <c r="F153" s="24" t="s">
        <v>330</v>
      </c>
    </row>
    <row r="154" spans="1:6" ht="18" hidden="1" customHeight="1" x14ac:dyDescent="0.4">
      <c r="A154" s="21">
        <f t="shared" si="2"/>
        <v>150</v>
      </c>
      <c r="B154" s="22" t="s">
        <v>237</v>
      </c>
      <c r="C154" s="23" t="s">
        <v>7</v>
      </c>
      <c r="D154" s="24" t="s">
        <v>246</v>
      </c>
      <c r="E154" s="25" t="s">
        <v>350</v>
      </c>
      <c r="F154" s="24" t="s">
        <v>325</v>
      </c>
    </row>
    <row r="155" spans="1:6" ht="18" hidden="1" customHeight="1" x14ac:dyDescent="0.4">
      <c r="A155" s="21">
        <f t="shared" si="2"/>
        <v>151</v>
      </c>
      <c r="B155" s="22" t="s">
        <v>237</v>
      </c>
      <c r="C155" s="23" t="s">
        <v>7</v>
      </c>
      <c r="D155" s="24" t="s">
        <v>247</v>
      </c>
      <c r="E155" s="25" t="s">
        <v>350</v>
      </c>
      <c r="F155" s="24" t="s">
        <v>331</v>
      </c>
    </row>
    <row r="156" spans="1:6" ht="18" hidden="1" customHeight="1" x14ac:dyDescent="0.4">
      <c r="A156" s="21">
        <f t="shared" si="2"/>
        <v>152</v>
      </c>
      <c r="B156" s="22" t="s">
        <v>237</v>
      </c>
      <c r="C156" s="23" t="s">
        <v>7</v>
      </c>
      <c r="D156" s="24" t="s">
        <v>248</v>
      </c>
      <c r="E156" s="25" t="s">
        <v>355</v>
      </c>
      <c r="F156" s="24" t="s">
        <v>249</v>
      </c>
    </row>
    <row r="157" spans="1:6" ht="18" hidden="1" customHeight="1" x14ac:dyDescent="0.4">
      <c r="A157" s="21">
        <f t="shared" si="2"/>
        <v>153</v>
      </c>
      <c r="B157" s="22" t="s">
        <v>377</v>
      </c>
      <c r="C157" s="23" t="s">
        <v>368</v>
      </c>
      <c r="D157" s="24" t="s">
        <v>378</v>
      </c>
      <c r="E157" s="25" t="s">
        <v>380</v>
      </c>
      <c r="F157" s="24" t="s">
        <v>379</v>
      </c>
    </row>
    <row r="158" spans="1:6" ht="18" hidden="1" customHeight="1" x14ac:dyDescent="0.4">
      <c r="A158" s="21">
        <f t="shared" si="2"/>
        <v>154</v>
      </c>
      <c r="B158" s="22" t="s">
        <v>250</v>
      </c>
      <c r="C158" s="23" t="s">
        <v>7</v>
      </c>
      <c r="D158" s="24" t="s">
        <v>251</v>
      </c>
      <c r="E158" s="25" t="s">
        <v>364</v>
      </c>
      <c r="F158" s="24" t="s">
        <v>252</v>
      </c>
    </row>
    <row r="159" spans="1:6" ht="18" hidden="1" customHeight="1" x14ac:dyDescent="0.4">
      <c r="A159" s="21">
        <f t="shared" si="2"/>
        <v>155</v>
      </c>
      <c r="B159" s="22" t="s">
        <v>250</v>
      </c>
      <c r="C159" s="23" t="s">
        <v>7</v>
      </c>
      <c r="D159" s="24" t="s">
        <v>253</v>
      </c>
      <c r="E159" s="25" t="s">
        <v>349</v>
      </c>
      <c r="F159" s="24"/>
    </row>
    <row r="160" spans="1:6" ht="18" hidden="1" customHeight="1" x14ac:dyDescent="0.4">
      <c r="A160" s="21">
        <f t="shared" si="2"/>
        <v>156</v>
      </c>
      <c r="B160" s="22" t="s">
        <v>250</v>
      </c>
      <c r="C160" s="23" t="s">
        <v>7</v>
      </c>
      <c r="D160" s="24" t="s">
        <v>254</v>
      </c>
      <c r="E160" s="25" t="s">
        <v>343</v>
      </c>
      <c r="F160" s="24"/>
    </row>
    <row r="161" spans="1:6" s="26" customFormat="1" ht="18" hidden="1" customHeight="1" x14ac:dyDescent="0.4">
      <c r="A161" s="21">
        <f t="shared" si="2"/>
        <v>157</v>
      </c>
      <c r="B161" s="22" t="s">
        <v>250</v>
      </c>
      <c r="C161" s="23" t="s">
        <v>7</v>
      </c>
      <c r="D161" s="24" t="s">
        <v>255</v>
      </c>
      <c r="E161" s="25" t="s">
        <v>343</v>
      </c>
      <c r="F161" s="24"/>
    </row>
    <row r="162" spans="1:6" s="26" customFormat="1" ht="18" hidden="1" customHeight="1" x14ac:dyDescent="0.4">
      <c r="A162" s="21">
        <f t="shared" si="2"/>
        <v>158</v>
      </c>
      <c r="B162" s="22" t="s">
        <v>250</v>
      </c>
      <c r="C162" s="23" t="s">
        <v>7</v>
      </c>
      <c r="D162" s="24" t="s">
        <v>256</v>
      </c>
      <c r="E162" s="25" t="s">
        <v>364</v>
      </c>
      <c r="F162" s="24"/>
    </row>
    <row r="163" spans="1:6" s="26" customFormat="1" ht="18" hidden="1" customHeight="1" x14ac:dyDescent="0.4">
      <c r="A163" s="21">
        <f t="shared" si="2"/>
        <v>159</v>
      </c>
      <c r="B163" s="22" t="s">
        <v>250</v>
      </c>
      <c r="C163" s="23" t="s">
        <v>7</v>
      </c>
      <c r="D163" s="24" t="s">
        <v>257</v>
      </c>
      <c r="E163" s="25" t="s">
        <v>364</v>
      </c>
      <c r="F163" s="24"/>
    </row>
    <row r="164" spans="1:6" s="26" customFormat="1" ht="18" hidden="1" customHeight="1" x14ac:dyDescent="0.4">
      <c r="A164" s="21">
        <f t="shared" si="2"/>
        <v>160</v>
      </c>
      <c r="B164" s="22" t="s">
        <v>250</v>
      </c>
      <c r="C164" s="23" t="s">
        <v>7</v>
      </c>
      <c r="D164" s="24" t="s">
        <v>258</v>
      </c>
      <c r="E164" s="25" t="s">
        <v>364</v>
      </c>
      <c r="F164" s="24"/>
    </row>
    <row r="165" spans="1:6" s="26" customFormat="1" ht="18" hidden="1" customHeight="1" x14ac:dyDescent="0.4">
      <c r="A165" s="21">
        <f t="shared" si="2"/>
        <v>161</v>
      </c>
      <c r="B165" s="22" t="s">
        <v>250</v>
      </c>
      <c r="C165" s="23" t="s">
        <v>7</v>
      </c>
      <c r="D165" s="24" t="s">
        <v>259</v>
      </c>
      <c r="E165" s="25" t="s">
        <v>337</v>
      </c>
      <c r="F165" s="24" t="s">
        <v>260</v>
      </c>
    </row>
    <row r="166" spans="1:6" s="26" customFormat="1" ht="18" hidden="1" customHeight="1" x14ac:dyDescent="0.4">
      <c r="A166" s="21">
        <f t="shared" si="2"/>
        <v>162</v>
      </c>
      <c r="B166" s="22" t="s">
        <v>261</v>
      </c>
      <c r="C166" s="23" t="s">
        <v>7</v>
      </c>
      <c r="D166" s="24" t="s">
        <v>262</v>
      </c>
      <c r="E166" s="25" t="s">
        <v>337</v>
      </c>
      <c r="F166" s="24"/>
    </row>
    <row r="167" spans="1:6" s="26" customFormat="1" ht="18" hidden="1" customHeight="1" x14ac:dyDescent="0.4">
      <c r="A167" s="21">
        <f t="shared" si="2"/>
        <v>163</v>
      </c>
      <c r="B167" s="22" t="s">
        <v>261</v>
      </c>
      <c r="C167" s="23" t="s">
        <v>7</v>
      </c>
      <c r="D167" s="24" t="s">
        <v>263</v>
      </c>
      <c r="E167" s="25" t="s">
        <v>364</v>
      </c>
      <c r="F167" s="24" t="s">
        <v>264</v>
      </c>
    </row>
    <row r="168" spans="1:6" s="26" customFormat="1" ht="18" hidden="1" customHeight="1" x14ac:dyDescent="0.4">
      <c r="A168" s="21">
        <f t="shared" si="2"/>
        <v>164</v>
      </c>
      <c r="B168" s="22" t="s">
        <v>261</v>
      </c>
      <c r="C168" s="23" t="s">
        <v>7</v>
      </c>
      <c r="D168" s="24" t="s">
        <v>265</v>
      </c>
      <c r="E168" s="25" t="s">
        <v>350</v>
      </c>
      <c r="F168" s="24" t="s">
        <v>266</v>
      </c>
    </row>
    <row r="169" spans="1:6" s="26" customFormat="1" ht="18" hidden="1" customHeight="1" x14ac:dyDescent="0.4">
      <c r="A169" s="21">
        <f t="shared" si="2"/>
        <v>165</v>
      </c>
      <c r="B169" s="22" t="s">
        <v>261</v>
      </c>
      <c r="C169" s="23" t="s">
        <v>7</v>
      </c>
      <c r="D169" s="24" t="s">
        <v>267</v>
      </c>
      <c r="E169" s="25" t="s">
        <v>343</v>
      </c>
      <c r="F169" s="24" t="s">
        <v>268</v>
      </c>
    </row>
    <row r="170" spans="1:6" s="26" customFormat="1" ht="18" hidden="1" customHeight="1" x14ac:dyDescent="0.4">
      <c r="A170" s="21">
        <f t="shared" si="2"/>
        <v>166</v>
      </c>
      <c r="B170" s="22" t="s">
        <v>381</v>
      </c>
      <c r="C170" s="23" t="s">
        <v>368</v>
      </c>
      <c r="D170" s="24" t="s">
        <v>382</v>
      </c>
      <c r="E170" s="25" t="s">
        <v>376</v>
      </c>
      <c r="F170" s="24" t="s">
        <v>383</v>
      </c>
    </row>
    <row r="171" spans="1:6" ht="18" hidden="1" customHeight="1" x14ac:dyDescent="0.4">
      <c r="A171" s="21">
        <f t="shared" si="2"/>
        <v>167</v>
      </c>
      <c r="B171" s="22" t="s">
        <v>269</v>
      </c>
      <c r="C171" s="23" t="s">
        <v>7</v>
      </c>
      <c r="D171" s="24" t="s">
        <v>270</v>
      </c>
      <c r="E171" s="25" t="s">
        <v>362</v>
      </c>
      <c r="F171" s="24"/>
    </row>
    <row r="172" spans="1:6" s="26" customFormat="1" ht="18" hidden="1" customHeight="1" x14ac:dyDescent="0.4">
      <c r="A172" s="21">
        <f t="shared" si="2"/>
        <v>168</v>
      </c>
      <c r="B172" s="22" t="s">
        <v>269</v>
      </c>
      <c r="C172" s="23" t="s">
        <v>7</v>
      </c>
      <c r="D172" s="24" t="s">
        <v>271</v>
      </c>
      <c r="E172" s="25" t="s">
        <v>350</v>
      </c>
      <c r="F172" s="24"/>
    </row>
    <row r="173" spans="1:6" ht="18" hidden="1" customHeight="1" x14ac:dyDescent="0.4">
      <c r="A173" s="21">
        <f t="shared" si="2"/>
        <v>169</v>
      </c>
      <c r="B173" s="22" t="s">
        <v>269</v>
      </c>
      <c r="C173" s="23" t="s">
        <v>7</v>
      </c>
      <c r="D173" s="24" t="s">
        <v>272</v>
      </c>
      <c r="E173" s="25" t="s">
        <v>354</v>
      </c>
      <c r="F173" s="24"/>
    </row>
    <row r="174" spans="1:6" ht="18" hidden="1" customHeight="1" x14ac:dyDescent="0.4">
      <c r="A174" s="21">
        <f t="shared" si="2"/>
        <v>170</v>
      </c>
      <c r="B174" s="28" t="s">
        <v>273</v>
      </c>
      <c r="C174" s="29" t="s">
        <v>7</v>
      </c>
      <c r="D174" s="30" t="s">
        <v>274</v>
      </c>
      <c r="E174" s="31" t="s">
        <v>354</v>
      </c>
      <c r="F174" s="30" t="s">
        <v>275</v>
      </c>
    </row>
    <row r="175" spans="1:6" s="26" customFormat="1" ht="18" hidden="1" customHeight="1" x14ac:dyDescent="0.4">
      <c r="A175" s="21">
        <f t="shared" si="2"/>
        <v>171</v>
      </c>
      <c r="B175" s="32" t="s">
        <v>273</v>
      </c>
      <c r="C175" s="33" t="s">
        <v>7</v>
      </c>
      <c r="D175" s="34" t="s">
        <v>276</v>
      </c>
      <c r="E175" s="35" t="s">
        <v>343</v>
      </c>
      <c r="F175" s="34" t="s">
        <v>277</v>
      </c>
    </row>
    <row r="176" spans="1:6" ht="18" customHeight="1" x14ac:dyDescent="0.4">
      <c r="A176" s="21">
        <f t="shared" si="2"/>
        <v>172</v>
      </c>
      <c r="B176" s="17" t="s">
        <v>125</v>
      </c>
      <c r="C176" s="16" t="s">
        <v>278</v>
      </c>
      <c r="D176" s="19" t="s">
        <v>279</v>
      </c>
      <c r="E176" s="20" t="s">
        <v>333</v>
      </c>
      <c r="F176" s="19" t="s">
        <v>280</v>
      </c>
    </row>
    <row r="177" spans="1:6" ht="18" customHeight="1" x14ac:dyDescent="0.4">
      <c r="A177" s="21">
        <f t="shared" si="2"/>
        <v>173</v>
      </c>
      <c r="B177" s="22" t="s">
        <v>232</v>
      </c>
      <c r="C177" s="21" t="s">
        <v>278</v>
      </c>
      <c r="D177" s="24" t="s">
        <v>281</v>
      </c>
      <c r="E177" s="25" t="s">
        <v>350</v>
      </c>
      <c r="F177" s="24" t="s">
        <v>282</v>
      </c>
    </row>
    <row r="178" spans="1:6" ht="18" customHeight="1" x14ac:dyDescent="0.4">
      <c r="A178" s="21">
        <f t="shared" si="2"/>
        <v>174</v>
      </c>
      <c r="B178" s="22" t="s">
        <v>283</v>
      </c>
      <c r="C178" s="21" t="s">
        <v>278</v>
      </c>
      <c r="D178" s="24" t="s">
        <v>284</v>
      </c>
      <c r="E178" s="25" t="s">
        <v>358</v>
      </c>
      <c r="F178" s="24" t="s">
        <v>285</v>
      </c>
    </row>
    <row r="179" spans="1:6" ht="18" customHeight="1" x14ac:dyDescent="0.4">
      <c r="A179" s="21">
        <f t="shared" si="2"/>
        <v>175</v>
      </c>
      <c r="B179" s="22" t="s">
        <v>283</v>
      </c>
      <c r="C179" s="21" t="s">
        <v>278</v>
      </c>
      <c r="D179" s="24" t="s">
        <v>286</v>
      </c>
      <c r="E179" s="25" t="s">
        <v>351</v>
      </c>
      <c r="F179" s="24" t="s">
        <v>287</v>
      </c>
    </row>
    <row r="180" spans="1:6" ht="18" customHeight="1" x14ac:dyDescent="0.4">
      <c r="A180" s="21">
        <f t="shared" si="2"/>
        <v>176</v>
      </c>
      <c r="B180" s="22" t="s">
        <v>288</v>
      </c>
      <c r="C180" s="21" t="s">
        <v>278</v>
      </c>
      <c r="D180" s="24" t="s">
        <v>289</v>
      </c>
      <c r="E180" s="25" t="s">
        <v>363</v>
      </c>
      <c r="F180" s="24" t="s">
        <v>290</v>
      </c>
    </row>
    <row r="181" spans="1:6" ht="18" customHeight="1" x14ac:dyDescent="0.4">
      <c r="A181" s="21">
        <f t="shared" si="2"/>
        <v>177</v>
      </c>
      <c r="B181" s="22" t="s">
        <v>291</v>
      </c>
      <c r="C181" s="21" t="s">
        <v>278</v>
      </c>
      <c r="D181" s="24" t="s">
        <v>292</v>
      </c>
      <c r="E181" s="25" t="s">
        <v>349</v>
      </c>
      <c r="F181" s="24" t="s">
        <v>293</v>
      </c>
    </row>
    <row r="182" spans="1:6" ht="18" customHeight="1" x14ac:dyDescent="0.4">
      <c r="A182" s="21">
        <f t="shared" si="2"/>
        <v>178</v>
      </c>
      <c r="B182" s="22" t="s">
        <v>139</v>
      </c>
      <c r="C182" s="21" t="s">
        <v>278</v>
      </c>
      <c r="D182" s="24" t="s">
        <v>294</v>
      </c>
      <c r="E182" s="25" t="s">
        <v>345</v>
      </c>
      <c r="F182" s="24" t="s">
        <v>295</v>
      </c>
    </row>
    <row r="183" spans="1:6" ht="18" customHeight="1" x14ac:dyDescent="0.4">
      <c r="A183" s="21">
        <f t="shared" si="2"/>
        <v>179</v>
      </c>
      <c r="B183" s="22" t="s">
        <v>101</v>
      </c>
      <c r="C183" s="21" t="s">
        <v>278</v>
      </c>
      <c r="D183" s="24" t="s">
        <v>296</v>
      </c>
      <c r="E183" s="25" t="s">
        <v>350</v>
      </c>
      <c r="F183" s="24"/>
    </row>
    <row r="184" spans="1:6" ht="18" customHeight="1" x14ac:dyDescent="0.4">
      <c r="A184" s="21">
        <f t="shared" si="2"/>
        <v>180</v>
      </c>
      <c r="B184" s="22" t="s">
        <v>101</v>
      </c>
      <c r="C184" s="21" t="s">
        <v>278</v>
      </c>
      <c r="D184" s="24" t="s">
        <v>297</v>
      </c>
      <c r="E184" s="25" t="s">
        <v>350</v>
      </c>
      <c r="F184" s="24"/>
    </row>
    <row r="185" spans="1:6" ht="18" customHeight="1" x14ac:dyDescent="0.4">
      <c r="A185" s="21">
        <f t="shared" si="2"/>
        <v>181</v>
      </c>
      <c r="B185" s="22" t="s">
        <v>288</v>
      </c>
      <c r="C185" s="21" t="s">
        <v>278</v>
      </c>
      <c r="D185" s="24" t="s">
        <v>298</v>
      </c>
      <c r="E185" s="25" t="s">
        <v>343</v>
      </c>
      <c r="F185" s="24" t="s">
        <v>299</v>
      </c>
    </row>
    <row r="186" spans="1:6" ht="18" customHeight="1" x14ac:dyDescent="0.4">
      <c r="A186" s="21">
        <f t="shared" si="2"/>
        <v>182</v>
      </c>
      <c r="B186" s="22" t="s">
        <v>232</v>
      </c>
      <c r="C186" s="21" t="s">
        <v>278</v>
      </c>
      <c r="D186" s="24" t="s">
        <v>300</v>
      </c>
      <c r="E186" s="25" t="s">
        <v>347</v>
      </c>
      <c r="F186" s="24" t="s">
        <v>301</v>
      </c>
    </row>
    <row r="187" spans="1:6" ht="18" customHeight="1" x14ac:dyDescent="0.4">
      <c r="A187" s="21">
        <f t="shared" si="2"/>
        <v>183</v>
      </c>
      <c r="B187" s="22" t="s">
        <v>302</v>
      </c>
      <c r="C187" s="21" t="s">
        <v>278</v>
      </c>
      <c r="D187" s="24" t="s">
        <v>303</v>
      </c>
      <c r="E187" s="25" t="s">
        <v>333</v>
      </c>
      <c r="F187" s="24" t="s">
        <v>304</v>
      </c>
    </row>
    <row r="188" spans="1:6" ht="18" customHeight="1" x14ac:dyDescent="0.4">
      <c r="A188" s="21">
        <f t="shared" si="2"/>
        <v>184</v>
      </c>
      <c r="B188" s="22" t="s">
        <v>302</v>
      </c>
      <c r="C188" s="21" t="s">
        <v>278</v>
      </c>
      <c r="D188" s="24" t="s">
        <v>305</v>
      </c>
      <c r="E188" s="25" t="s">
        <v>333</v>
      </c>
      <c r="F188" s="24" t="s">
        <v>306</v>
      </c>
    </row>
    <row r="189" spans="1:6" ht="18" customHeight="1" x14ac:dyDescent="0.4">
      <c r="A189" s="21">
        <f t="shared" si="2"/>
        <v>185</v>
      </c>
      <c r="B189" s="22" t="s">
        <v>273</v>
      </c>
      <c r="C189" s="21" t="s">
        <v>278</v>
      </c>
      <c r="D189" s="24" t="s">
        <v>307</v>
      </c>
      <c r="E189" s="25" t="s">
        <v>362</v>
      </c>
      <c r="F189" s="24" t="s">
        <v>308</v>
      </c>
    </row>
    <row r="190" spans="1:6" ht="18" customHeight="1" x14ac:dyDescent="0.4">
      <c r="A190" s="21">
        <f t="shared" si="2"/>
        <v>186</v>
      </c>
      <c r="B190" s="22" t="s">
        <v>109</v>
      </c>
      <c r="C190" s="21" t="s">
        <v>278</v>
      </c>
      <c r="D190" s="24" t="s">
        <v>309</v>
      </c>
      <c r="E190" s="25" t="s">
        <v>334</v>
      </c>
      <c r="F190" s="24"/>
    </row>
    <row r="191" spans="1:6" ht="18" customHeight="1" x14ac:dyDescent="0.4">
      <c r="A191" s="21">
        <f t="shared" si="2"/>
        <v>187</v>
      </c>
      <c r="B191" s="22" t="s">
        <v>310</v>
      </c>
      <c r="C191" s="21" t="s">
        <v>278</v>
      </c>
      <c r="D191" s="24" t="s">
        <v>311</v>
      </c>
      <c r="E191" s="25" t="s">
        <v>351</v>
      </c>
      <c r="F191" s="24"/>
    </row>
    <row r="192" spans="1:6" s="26" customFormat="1" ht="18" customHeight="1" x14ac:dyDescent="0.4">
      <c r="A192" s="21">
        <f t="shared" si="2"/>
        <v>188</v>
      </c>
      <c r="B192" s="22" t="s">
        <v>312</v>
      </c>
      <c r="C192" s="21" t="s">
        <v>278</v>
      </c>
      <c r="D192" s="24" t="s">
        <v>313</v>
      </c>
      <c r="E192" s="25" t="s">
        <v>337</v>
      </c>
      <c r="F192" s="24" t="s">
        <v>388</v>
      </c>
    </row>
    <row r="193" spans="1:6" s="26" customFormat="1" ht="18" customHeight="1" x14ac:dyDescent="0.4">
      <c r="A193" s="39">
        <v>189</v>
      </c>
      <c r="B193" s="40" t="s">
        <v>384</v>
      </c>
      <c r="C193" s="39" t="s">
        <v>278</v>
      </c>
      <c r="D193" s="38" t="s">
        <v>385</v>
      </c>
      <c r="E193" s="37" t="s">
        <v>387</v>
      </c>
      <c r="F193" s="34" t="s">
        <v>386</v>
      </c>
    </row>
  </sheetData>
  <autoFilter ref="A4:F193">
    <filterColumn colId="2">
      <filters>
        <filter val="中"/>
      </filters>
    </filterColumn>
  </autoFilter>
  <phoneticPr fontId="2"/>
  <pageMargins left="0.9055118110236221" right="0.51181102362204722" top="0.74803149606299213" bottom="0.74803149606299213" header="0.31496062992125984" footer="0.31496062992125984"/>
  <pageSetup paperSize="9" scale="79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民託校及び受託業者一覧（R4.８）</vt:lpstr>
      <vt:lpstr>'民託校及び受託業者一覧（R4.８）'!Print_Area</vt:lpstr>
      <vt:lpstr>'民託校及び受託業者一覧（R4.８）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3-02-16T00:55:16Z</dcterms:created>
  <dcterms:modified xsi:type="dcterms:W3CDTF">2023-04-05T02:32:47Z</dcterms:modified>
</cp:coreProperties>
</file>